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96" r:id="rId2"/>
    <p:sldMasterId id="2147483708" r:id="rId3"/>
  </p:sldMasterIdLst>
  <p:sldIdLst>
    <p:sldId id="263" r:id="rId4"/>
    <p:sldId id="265" r:id="rId5"/>
  </p:sldIdLst>
  <p:sldSz cx="18288000" cy="18288000"/>
  <p:notesSz cx="6858000" cy="9144000"/>
  <p:defaultTextStyle>
    <a:defPPr>
      <a:defRPr lang="en-US"/>
    </a:defPPr>
    <a:lvl1pPr marL="0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1pPr>
    <a:lvl2pPr marL="877824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2pPr>
    <a:lvl3pPr marL="1755648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3pPr>
    <a:lvl4pPr marL="2633472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4pPr>
    <a:lvl5pPr marL="3511296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5pPr>
    <a:lvl6pPr marL="4389120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6pPr>
    <a:lvl7pPr marL="5266944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7pPr>
    <a:lvl8pPr marL="6144768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8pPr>
    <a:lvl9pPr marL="7022592" algn="l" defTabSz="1755648" rtl="0" eaLnBrk="1" latinLnBrk="0" hangingPunct="1">
      <a:defRPr sz="3456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69200"/>
    <a:srgbClr val="207245"/>
    <a:srgbClr val="5E5E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28" d="100"/>
          <a:sy n="28" d="100"/>
        </p:scale>
        <p:origin x="2346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2.xml"/><Relationship Id="rId4" Type="http://schemas.openxmlformats.org/officeDocument/2006/relationships/slide" Target="slides/slide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286000" y="2992968"/>
            <a:ext cx="13716000" cy="6366933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286000" y="9605435"/>
            <a:ext cx="13716000" cy="4415365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62280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1160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3087350" y="973667"/>
            <a:ext cx="3943350" cy="1549823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57300" y="973667"/>
            <a:ext cx="11601450" cy="1549823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8557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1600" y="2992968"/>
            <a:ext cx="15544800" cy="6366933"/>
          </a:xfrm>
        </p:spPr>
        <p:txBody>
          <a:bodyPr anchor="b"/>
          <a:lstStyle>
            <a:lvl1pPr algn="ctr">
              <a:defRPr sz="12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286000" y="9605435"/>
            <a:ext cx="13716000" cy="4415365"/>
          </a:xfrm>
        </p:spPr>
        <p:txBody>
          <a:bodyPr/>
          <a:lstStyle>
            <a:lvl1pPr marL="0" indent="0" algn="ctr">
              <a:buNone/>
              <a:defRPr sz="48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09173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395930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47776" y="4559305"/>
            <a:ext cx="15773400" cy="7607299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47776" y="12238572"/>
            <a:ext cx="15773400" cy="4000499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/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676618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57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258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520944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973671"/>
            <a:ext cx="15773400" cy="353483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9684" y="4483101"/>
            <a:ext cx="7736680" cy="2197099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59684" y="6680200"/>
            <a:ext cx="7736680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9258301" y="4483101"/>
            <a:ext cx="7774782" cy="2197099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9258301" y="6680200"/>
            <a:ext cx="7774782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51293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580885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80672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1219200"/>
            <a:ext cx="5898356" cy="42672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74782" y="2633138"/>
            <a:ext cx="9258300" cy="12996333"/>
          </a:xfrm>
        </p:spPr>
        <p:txBody>
          <a:bodyPr/>
          <a:lstStyle>
            <a:lvl1pPr>
              <a:defRPr sz="6400"/>
            </a:lvl1pPr>
            <a:lvl2pPr>
              <a:defRPr sz="5600"/>
            </a:lvl2pPr>
            <a:lvl3pPr>
              <a:defRPr sz="4800"/>
            </a:lvl3pPr>
            <a:lvl4pPr>
              <a:defRPr sz="4000"/>
            </a:lvl4pPr>
            <a:lvl5pPr>
              <a:defRPr sz="4000"/>
            </a:lvl5pPr>
            <a:lvl6pPr>
              <a:defRPr sz="4000"/>
            </a:lvl6pPr>
            <a:lvl7pPr>
              <a:defRPr sz="4000"/>
            </a:lvl7pPr>
            <a:lvl8pPr>
              <a:defRPr sz="4000"/>
            </a:lvl8pPr>
            <a:lvl9pPr>
              <a:defRPr sz="4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2" y="5486400"/>
            <a:ext cx="5898356" cy="10164235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99264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00331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1219200"/>
            <a:ext cx="5898356" cy="42672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774782" y="2633138"/>
            <a:ext cx="9258300" cy="12996333"/>
          </a:xfrm>
        </p:spPr>
        <p:txBody>
          <a:bodyPr anchor="t"/>
          <a:lstStyle>
            <a:lvl1pPr marL="0" indent="0">
              <a:buNone/>
              <a:defRPr sz="6400"/>
            </a:lvl1pPr>
            <a:lvl2pPr marL="914400" indent="0">
              <a:buNone/>
              <a:defRPr sz="5600"/>
            </a:lvl2pPr>
            <a:lvl3pPr marL="1828800" indent="0">
              <a:buNone/>
              <a:defRPr sz="4800"/>
            </a:lvl3pPr>
            <a:lvl4pPr marL="2743200" indent="0">
              <a:buNone/>
              <a:defRPr sz="4000"/>
            </a:lvl4pPr>
            <a:lvl5pPr marL="3657600" indent="0">
              <a:buNone/>
              <a:defRPr sz="4000"/>
            </a:lvl5pPr>
            <a:lvl6pPr marL="4572000" indent="0">
              <a:buNone/>
              <a:defRPr sz="4000"/>
            </a:lvl6pPr>
            <a:lvl7pPr marL="5486400" indent="0">
              <a:buNone/>
              <a:defRPr sz="4000"/>
            </a:lvl7pPr>
            <a:lvl8pPr marL="6400800" indent="0">
              <a:buNone/>
              <a:defRPr sz="4000"/>
            </a:lvl8pPr>
            <a:lvl9pPr marL="7315200" indent="0">
              <a:buNone/>
              <a:defRPr sz="4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2" y="5486400"/>
            <a:ext cx="5898356" cy="10164235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862254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270976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3087351" y="973667"/>
            <a:ext cx="3943350" cy="1549823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57301" y="973667"/>
            <a:ext cx="11601450" cy="1549823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AC8A6BF0-B5B2-4863-9527-8906B9AB762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2480D07B-3893-499A-ACF4-F008065BE55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845504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1600" y="2992968"/>
            <a:ext cx="15544800" cy="6366933"/>
          </a:xfrm>
        </p:spPr>
        <p:txBody>
          <a:bodyPr anchor="b"/>
          <a:lstStyle>
            <a:lvl1pPr algn="ctr">
              <a:defRPr sz="12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286000" y="9605435"/>
            <a:ext cx="13716000" cy="4415365"/>
          </a:xfrm>
        </p:spPr>
        <p:txBody>
          <a:bodyPr/>
          <a:lstStyle>
            <a:lvl1pPr marL="0" indent="0" algn="ctr">
              <a:buNone/>
              <a:defRPr sz="48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622378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474840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47776" y="4559305"/>
            <a:ext cx="15773400" cy="7607299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47776" y="12238572"/>
            <a:ext cx="15773400" cy="4000499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/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9097219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57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258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529023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973671"/>
            <a:ext cx="15773400" cy="353483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9684" y="4483101"/>
            <a:ext cx="7736680" cy="2197099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59684" y="6680200"/>
            <a:ext cx="7736680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9258301" y="4483101"/>
            <a:ext cx="7774782" cy="2197099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9258301" y="6680200"/>
            <a:ext cx="7774782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388245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636284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4769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47775" y="4559303"/>
            <a:ext cx="15773400" cy="7607299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47775" y="12238569"/>
            <a:ext cx="15773400" cy="4000499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29039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1219200"/>
            <a:ext cx="5898356" cy="42672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74782" y="2633138"/>
            <a:ext cx="9258300" cy="12996333"/>
          </a:xfrm>
        </p:spPr>
        <p:txBody>
          <a:bodyPr/>
          <a:lstStyle>
            <a:lvl1pPr>
              <a:defRPr sz="6400"/>
            </a:lvl1pPr>
            <a:lvl2pPr>
              <a:defRPr sz="5600"/>
            </a:lvl2pPr>
            <a:lvl3pPr>
              <a:defRPr sz="4800"/>
            </a:lvl3pPr>
            <a:lvl4pPr>
              <a:defRPr sz="4000"/>
            </a:lvl4pPr>
            <a:lvl5pPr>
              <a:defRPr sz="4000"/>
            </a:lvl5pPr>
            <a:lvl6pPr>
              <a:defRPr sz="4000"/>
            </a:lvl6pPr>
            <a:lvl7pPr>
              <a:defRPr sz="4000"/>
            </a:lvl7pPr>
            <a:lvl8pPr>
              <a:defRPr sz="4000"/>
            </a:lvl8pPr>
            <a:lvl9pPr>
              <a:defRPr sz="4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2" y="5486400"/>
            <a:ext cx="5898356" cy="10164235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366780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1219200"/>
            <a:ext cx="5898356" cy="42672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774782" y="2633138"/>
            <a:ext cx="9258300" cy="12996333"/>
          </a:xfrm>
        </p:spPr>
        <p:txBody>
          <a:bodyPr anchor="t"/>
          <a:lstStyle>
            <a:lvl1pPr marL="0" indent="0">
              <a:buNone/>
              <a:defRPr sz="6400"/>
            </a:lvl1pPr>
            <a:lvl2pPr marL="914400" indent="0">
              <a:buNone/>
              <a:defRPr sz="5600"/>
            </a:lvl2pPr>
            <a:lvl3pPr marL="1828800" indent="0">
              <a:buNone/>
              <a:defRPr sz="4800"/>
            </a:lvl3pPr>
            <a:lvl4pPr marL="2743200" indent="0">
              <a:buNone/>
              <a:defRPr sz="4000"/>
            </a:lvl4pPr>
            <a:lvl5pPr marL="3657600" indent="0">
              <a:buNone/>
              <a:defRPr sz="4000"/>
            </a:lvl5pPr>
            <a:lvl6pPr marL="4572000" indent="0">
              <a:buNone/>
              <a:defRPr sz="4000"/>
            </a:lvl6pPr>
            <a:lvl7pPr marL="5486400" indent="0">
              <a:buNone/>
              <a:defRPr sz="4000"/>
            </a:lvl7pPr>
            <a:lvl8pPr marL="6400800" indent="0">
              <a:buNone/>
              <a:defRPr sz="4000"/>
            </a:lvl8pPr>
            <a:lvl9pPr marL="7315200" indent="0">
              <a:buNone/>
              <a:defRPr sz="4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2" y="5486400"/>
            <a:ext cx="5898356" cy="10164235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284267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54395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3087351" y="973667"/>
            <a:ext cx="3943350" cy="1549823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57301" y="973667"/>
            <a:ext cx="11601450" cy="1549823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400">
              <a:defRPr/>
            </a:pPr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3/29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00"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>
              <a:defRPr/>
            </a:pPr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400"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65238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57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258300" y="4868333"/>
            <a:ext cx="7772400" cy="11603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09476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2" y="973668"/>
            <a:ext cx="15773400" cy="353483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9683" y="4483101"/>
            <a:ext cx="7736681" cy="219709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59683" y="6680200"/>
            <a:ext cx="7736681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9258300" y="4483101"/>
            <a:ext cx="7774782" cy="219709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9258300" y="6680200"/>
            <a:ext cx="7774782" cy="982556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88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24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3467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3" y="1219200"/>
            <a:ext cx="5898356" cy="4267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74782" y="2633135"/>
            <a:ext cx="9258300" cy="1299633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3" y="5486400"/>
            <a:ext cx="5898356" cy="1016423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9388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83" y="1219200"/>
            <a:ext cx="5898356" cy="4267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7774782" y="2633135"/>
            <a:ext cx="9258300" cy="1299633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59683" y="5486400"/>
            <a:ext cx="5898356" cy="1016423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6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57300" y="973668"/>
            <a:ext cx="15773400" cy="353483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7300" y="4868333"/>
            <a:ext cx="15773400" cy="1160356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57300" y="16950268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57900" y="16950268"/>
            <a:ext cx="61722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2915900" y="16950268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66117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57300" y="973671"/>
            <a:ext cx="15773400" cy="353483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7300" y="4868333"/>
            <a:ext cx="15773400" cy="1160356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57300" y="16950271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57900" y="16950271"/>
            <a:ext cx="61722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2915900" y="16950271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349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8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Char char="•"/>
        <a:defRPr sz="5600" kern="1200">
          <a:solidFill>
            <a:schemeClr val="tx1"/>
          </a:solidFill>
          <a:latin typeface="+mn-lt"/>
          <a:ea typeface="+mn-ea"/>
          <a:cs typeface="+mn-cs"/>
        </a:defRPr>
      </a:lvl1pPr>
      <a:lvl2pPr marL="1371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800" kern="1200">
          <a:solidFill>
            <a:schemeClr val="tx1"/>
          </a:solidFill>
          <a:latin typeface="+mn-lt"/>
          <a:ea typeface="+mn-ea"/>
          <a:cs typeface="+mn-cs"/>
        </a:defRPr>
      </a:lvl2pPr>
      <a:lvl3pPr marL="2286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0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57300" y="973671"/>
            <a:ext cx="15773400" cy="353483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57300" y="4868333"/>
            <a:ext cx="15773400" cy="1160356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57300" y="16950271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3/29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57900" y="16950271"/>
            <a:ext cx="61722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2915900" y="16950271"/>
            <a:ext cx="4114800" cy="97366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38338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8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Char char="•"/>
        <a:defRPr sz="5600" kern="1200">
          <a:solidFill>
            <a:schemeClr val="tx1"/>
          </a:solidFill>
          <a:latin typeface="+mn-lt"/>
          <a:ea typeface="+mn-ea"/>
          <a:cs typeface="+mn-cs"/>
        </a:defRPr>
      </a:lvl1pPr>
      <a:lvl2pPr marL="1371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800" kern="1200">
          <a:solidFill>
            <a:schemeClr val="tx1"/>
          </a:solidFill>
          <a:latin typeface="+mn-lt"/>
          <a:ea typeface="+mn-ea"/>
          <a:cs typeface="+mn-cs"/>
        </a:defRPr>
      </a:lvl2pPr>
      <a:lvl3pPr marL="2286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0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8" Type="http://schemas.openxmlformats.org/officeDocument/2006/relationships/tags" Target="../tags/tag238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slideLayout" Target="../slideLayouts/slideLayout2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4780" y="571500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11811168" y="6677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US" sz="1100" u="sng" dirty="0">
                <a:solidFill>
                  <a:prstClr val="white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prstClr val="white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456190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B5DC514-35CE-4070-953A-5084262A6EA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7178654"/>
            <a:ext cx="876300" cy="5270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400" b="1" spc="-70" dirty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27" name="OTLSHAPE_SLT_bb063b446a114c3dbd2e2e5c8da25aad_ShapePercentage" hidden="1">
            <a:extLst>
              <a:ext uri="{FF2B5EF4-FFF2-40B4-BE49-F238E27FC236}">
                <a16:creationId xmlns:a16="http://schemas.microsoft.com/office/drawing/2014/main" id="{017F5024-1990-4EFB-96DE-EF0326D7034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SLT_e18a3447498a4e838a0fbc5986cf598d_ShapePercentage" hidden="1">
            <a:extLst>
              <a:ext uri="{FF2B5EF4-FFF2-40B4-BE49-F238E27FC236}">
                <a16:creationId xmlns:a16="http://schemas.microsoft.com/office/drawing/2014/main" id="{A6AAF907-0795-48C4-8237-F412F1AB05B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" name="OTLSHAPE_SLT_4ba3082b69fd4dd3b22433b804034d74_ShapePercentage" hidden="1">
            <a:extLst>
              <a:ext uri="{FF2B5EF4-FFF2-40B4-BE49-F238E27FC236}">
                <a16:creationId xmlns:a16="http://schemas.microsoft.com/office/drawing/2014/main" id="{99702E44-3EA0-42B1-9F56-4336DCB5DC9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SLT_f17f8eb314004e1eb4f91c50637ea805_ShapePercentage" hidden="1">
            <a:extLst>
              <a:ext uri="{FF2B5EF4-FFF2-40B4-BE49-F238E27FC236}">
                <a16:creationId xmlns:a16="http://schemas.microsoft.com/office/drawing/2014/main" id="{D58B1892-E020-4902-9AA3-F4A4AE51400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" name="OTLSHAPE_SLT_956bf0c830494a6c83e78c5a7b41f57d_ShapePercentage" hidden="1">
            <a:extLst>
              <a:ext uri="{FF2B5EF4-FFF2-40B4-BE49-F238E27FC236}">
                <a16:creationId xmlns:a16="http://schemas.microsoft.com/office/drawing/2014/main" id="{3A24EA4E-3DCD-4C02-97D4-032839997AC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SLT_7bc97d6c6fd04cb89339f6b0e4141bec_ShapePercentage" hidden="1">
            <a:extLst>
              <a:ext uri="{FF2B5EF4-FFF2-40B4-BE49-F238E27FC236}">
                <a16:creationId xmlns:a16="http://schemas.microsoft.com/office/drawing/2014/main" id="{0492E402-C066-4C65-AB5C-772D1A9C836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SLT_ece44dcef1134bd3886aa26a9de231da_ShapePercentage" hidden="1">
            <a:extLst>
              <a:ext uri="{FF2B5EF4-FFF2-40B4-BE49-F238E27FC236}">
                <a16:creationId xmlns:a16="http://schemas.microsoft.com/office/drawing/2014/main" id="{56974226-0A5D-4AB7-9F09-E0425D1209F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" name="OTLSHAPE_SLT_3928fb37a49142a3b24c17861a120a60_ShapePercentage" hidden="1">
            <a:extLst>
              <a:ext uri="{FF2B5EF4-FFF2-40B4-BE49-F238E27FC236}">
                <a16:creationId xmlns:a16="http://schemas.microsoft.com/office/drawing/2014/main" id="{FD4F3B25-E0EC-41E9-AA3E-933D54A070F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" name="OTLSHAPE_SLT_9157b54b85844e3c8b6bd18e4e161db6_ShapePercentage" hidden="1">
            <a:extLst>
              <a:ext uri="{FF2B5EF4-FFF2-40B4-BE49-F238E27FC236}">
                <a16:creationId xmlns:a16="http://schemas.microsoft.com/office/drawing/2014/main" id="{FDF5DC4F-FF44-403F-BF3F-EB19DDA3C24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" name="OTLSHAPE_SLT_ff8264a655824069ad66a12fe8613c24_ShapePercentage" hidden="1">
            <a:extLst>
              <a:ext uri="{FF2B5EF4-FFF2-40B4-BE49-F238E27FC236}">
                <a16:creationId xmlns:a16="http://schemas.microsoft.com/office/drawing/2014/main" id="{952EF88B-37CA-4D46-AF6D-EA130CDA399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" name="OTLSHAPE_SLT_0853c77b740542a19371ef960b092235_ShapePercentage" hidden="1">
            <a:extLst>
              <a:ext uri="{FF2B5EF4-FFF2-40B4-BE49-F238E27FC236}">
                <a16:creationId xmlns:a16="http://schemas.microsoft.com/office/drawing/2014/main" id="{BD768616-820C-4C4B-8495-DD4F29656A1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0" name="OTLSHAPE_SLT_f51f6717d20540f5992a9314232ca4b7_ShapePercentage" hidden="1">
            <a:extLst>
              <a:ext uri="{FF2B5EF4-FFF2-40B4-BE49-F238E27FC236}">
                <a16:creationId xmlns:a16="http://schemas.microsoft.com/office/drawing/2014/main" id="{22B8379B-A7CA-4978-A1A5-F2B08CBB7BF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" name="OTLSHAPE_SLT_a3b34ec4bb974d679e5a11647827f872_ShapePercentage" hidden="1">
            <a:extLst>
              <a:ext uri="{FF2B5EF4-FFF2-40B4-BE49-F238E27FC236}">
                <a16:creationId xmlns:a16="http://schemas.microsoft.com/office/drawing/2014/main" id="{FC5F0747-1013-49FE-BAF9-5EB0CF5BCDC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" name="OTLSHAPE_SLT_abdfa7ca915e4be895ce18cfab27bd5f_ShapePercentage" hidden="1">
            <a:extLst>
              <a:ext uri="{FF2B5EF4-FFF2-40B4-BE49-F238E27FC236}">
                <a16:creationId xmlns:a16="http://schemas.microsoft.com/office/drawing/2014/main" id="{C3822594-824C-415C-8558-C9B6F32D942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SLT_0061fffd2c1b46a9905bd16958948640_ShapePercentage" hidden="1">
            <a:extLst>
              <a:ext uri="{FF2B5EF4-FFF2-40B4-BE49-F238E27FC236}">
                <a16:creationId xmlns:a16="http://schemas.microsoft.com/office/drawing/2014/main" id="{CF9933DD-2BEF-4690-B113-4E35BD8F9FE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SLT_120f3b399cf0461a8284922406bc925e_ShapePercentage" hidden="1">
            <a:extLst>
              <a:ext uri="{FF2B5EF4-FFF2-40B4-BE49-F238E27FC236}">
                <a16:creationId xmlns:a16="http://schemas.microsoft.com/office/drawing/2014/main" id="{D417CAF6-F832-4807-BFB6-D085721BB06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" name="OTLSHAPE_SLT_1c597053a5ab4dad90641a6f3b3b2ba0_ShapePercentage" hidden="1">
            <a:extLst>
              <a:ext uri="{FF2B5EF4-FFF2-40B4-BE49-F238E27FC236}">
                <a16:creationId xmlns:a16="http://schemas.microsoft.com/office/drawing/2014/main" id="{890FD70C-CFE3-4C00-81B2-4A8E48CD9F9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T_56c8a13fca7f4a93bd2f4c42e5dd4627_ShapePercentage" hidden="1">
            <a:extLst>
              <a:ext uri="{FF2B5EF4-FFF2-40B4-BE49-F238E27FC236}">
                <a16:creationId xmlns:a16="http://schemas.microsoft.com/office/drawing/2014/main" id="{62316F98-BA6F-41AB-8CDC-65D2D64682F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T_a279822037864421a197d731fa063948_ShapePercentage" hidden="1">
            <a:extLst>
              <a:ext uri="{FF2B5EF4-FFF2-40B4-BE49-F238E27FC236}">
                <a16:creationId xmlns:a16="http://schemas.microsoft.com/office/drawing/2014/main" id="{3AC7F09C-F1A2-4D2D-BEB5-E2397CBC552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8b2ecae8ebdf4f6b986a022a0cda52a7_ShapePercentage" hidden="1">
            <a:extLst>
              <a:ext uri="{FF2B5EF4-FFF2-40B4-BE49-F238E27FC236}">
                <a16:creationId xmlns:a16="http://schemas.microsoft.com/office/drawing/2014/main" id="{885ADA63-3EB0-4503-8614-8104D385780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700" y="12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SLT_bb063b446a114c3dbd2e2e5c8da25aad_Duration" hidden="1">
            <a:extLst>
              <a:ext uri="{FF2B5EF4-FFF2-40B4-BE49-F238E27FC236}">
                <a16:creationId xmlns:a16="http://schemas.microsoft.com/office/drawing/2014/main" id="{FB873920-3BEF-4AA2-AC7F-19632966915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29" name="OTLSHAPE_SLT_bb063b446a114c3dbd2e2e5c8da25aad_TextPercentage" hidden="1">
            <a:extLst>
              <a:ext uri="{FF2B5EF4-FFF2-40B4-BE49-F238E27FC236}">
                <a16:creationId xmlns:a16="http://schemas.microsoft.com/office/drawing/2014/main" id="{B2FDF13F-D23C-49D1-8068-8472AC2CB1A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30" name="OTLSHAPE_SLT_bb063b446a114c3dbd2e2e5c8da25aad_JoinedDate" hidden="1">
            <a:extLst>
              <a:ext uri="{FF2B5EF4-FFF2-40B4-BE49-F238E27FC236}">
                <a16:creationId xmlns:a16="http://schemas.microsoft.com/office/drawing/2014/main" id="{7E03FC08-97FB-4D74-9C0A-A8346DB3AC7D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39" name="OTLSHAPE_SLT_e18a3447498a4e838a0fbc5986cf598d_Duration" hidden="1">
            <a:extLst>
              <a:ext uri="{FF2B5EF4-FFF2-40B4-BE49-F238E27FC236}">
                <a16:creationId xmlns:a16="http://schemas.microsoft.com/office/drawing/2014/main" id="{884445EE-F951-4EC8-A0E7-5F9DB7B77B6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0" name="OTLSHAPE_SLT_e18a3447498a4e838a0fbc5986cf598d_TextPercentage" hidden="1">
            <a:extLst>
              <a:ext uri="{FF2B5EF4-FFF2-40B4-BE49-F238E27FC236}">
                <a16:creationId xmlns:a16="http://schemas.microsoft.com/office/drawing/2014/main" id="{90C382AC-400F-4796-9F1A-F89916FF30C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1" name="OTLSHAPE_SLT_e18a3447498a4e838a0fbc5986cf598d_JoinedDate" hidden="1">
            <a:extLst>
              <a:ext uri="{FF2B5EF4-FFF2-40B4-BE49-F238E27FC236}">
                <a16:creationId xmlns:a16="http://schemas.microsoft.com/office/drawing/2014/main" id="{2069C66A-1A10-46FD-8F9D-5511C887352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7" name="OTLSHAPE_SLT_4ba3082b69fd4dd3b22433b804034d74_Duration" hidden="1">
            <a:extLst>
              <a:ext uri="{FF2B5EF4-FFF2-40B4-BE49-F238E27FC236}">
                <a16:creationId xmlns:a16="http://schemas.microsoft.com/office/drawing/2014/main" id="{11347982-0D4C-430B-BCD2-0E66C16033B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8" name="OTLSHAPE_SLT_4ba3082b69fd4dd3b22433b804034d74_TextPercentage" hidden="1">
            <a:extLst>
              <a:ext uri="{FF2B5EF4-FFF2-40B4-BE49-F238E27FC236}">
                <a16:creationId xmlns:a16="http://schemas.microsoft.com/office/drawing/2014/main" id="{CCB933B3-BDAA-4A46-A25A-E8B2AA1E53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9" name="OTLSHAPE_SLT_4ba3082b69fd4dd3b22433b804034d74_JoinedDate" hidden="1">
            <a:extLst>
              <a:ext uri="{FF2B5EF4-FFF2-40B4-BE49-F238E27FC236}">
                <a16:creationId xmlns:a16="http://schemas.microsoft.com/office/drawing/2014/main" id="{ABF65374-43BB-48A3-B5B3-B28BF27FB28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3" name="OTLSHAPE_SLT_f17f8eb314004e1eb4f91c50637ea805_Duration" hidden="1">
            <a:extLst>
              <a:ext uri="{FF2B5EF4-FFF2-40B4-BE49-F238E27FC236}">
                <a16:creationId xmlns:a16="http://schemas.microsoft.com/office/drawing/2014/main" id="{2F6123A1-0231-4719-8163-43251F507FA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4" name="OTLSHAPE_SLT_f17f8eb314004e1eb4f91c50637ea805_TextPercentage" hidden="1">
            <a:extLst>
              <a:ext uri="{FF2B5EF4-FFF2-40B4-BE49-F238E27FC236}">
                <a16:creationId xmlns:a16="http://schemas.microsoft.com/office/drawing/2014/main" id="{70644BF0-9136-4DD3-BF63-5E6BE491BEA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5" name="OTLSHAPE_SLT_f17f8eb314004e1eb4f91c50637ea805_StartDate" hidden="1">
            <a:extLst>
              <a:ext uri="{FF2B5EF4-FFF2-40B4-BE49-F238E27FC236}">
                <a16:creationId xmlns:a16="http://schemas.microsoft.com/office/drawing/2014/main" id="{66955956-024A-4999-979E-708467EAD2D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6" name="OTLSHAPE_SLT_f17f8eb314004e1eb4f91c50637ea805_EndDate" hidden="1">
            <a:extLst>
              <a:ext uri="{FF2B5EF4-FFF2-40B4-BE49-F238E27FC236}">
                <a16:creationId xmlns:a16="http://schemas.microsoft.com/office/drawing/2014/main" id="{706403A9-4044-4034-9340-A691A47580A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89" name="OTLSHAPE_SLT_956bf0c830494a6c83e78c5a7b41f57d_Duration" hidden="1">
            <a:extLst>
              <a:ext uri="{FF2B5EF4-FFF2-40B4-BE49-F238E27FC236}">
                <a16:creationId xmlns:a16="http://schemas.microsoft.com/office/drawing/2014/main" id="{6CF30298-6739-477B-A215-79A3489B42C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0" name="OTLSHAPE_SLT_956bf0c830494a6c83e78c5a7b41f57d_TextPercentage" hidden="1">
            <a:extLst>
              <a:ext uri="{FF2B5EF4-FFF2-40B4-BE49-F238E27FC236}">
                <a16:creationId xmlns:a16="http://schemas.microsoft.com/office/drawing/2014/main" id="{6392BF89-E405-492C-A425-2B661FD2EFC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1" name="OTLSHAPE_SLT_956bf0c830494a6c83e78c5a7b41f57d_StartDate" hidden="1">
            <a:extLst>
              <a:ext uri="{FF2B5EF4-FFF2-40B4-BE49-F238E27FC236}">
                <a16:creationId xmlns:a16="http://schemas.microsoft.com/office/drawing/2014/main" id="{954E0C98-A293-44CA-876A-C9A776FC7E9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2" name="OTLSHAPE_SLT_956bf0c830494a6c83e78c5a7b41f57d_EndDate" hidden="1">
            <a:extLst>
              <a:ext uri="{FF2B5EF4-FFF2-40B4-BE49-F238E27FC236}">
                <a16:creationId xmlns:a16="http://schemas.microsoft.com/office/drawing/2014/main" id="{F2B02E1D-5FEB-49E8-8E13-3C0EC5199D1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7" name="OTLSHAPE_SLT_7bc97d6c6fd04cb89339f6b0e4141bec_Duration" hidden="1">
            <a:extLst>
              <a:ext uri="{FF2B5EF4-FFF2-40B4-BE49-F238E27FC236}">
                <a16:creationId xmlns:a16="http://schemas.microsoft.com/office/drawing/2014/main" id="{634699F4-DDFF-4D87-98D1-450DB58DAA8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8" name="OTLSHAPE_SLT_7bc97d6c6fd04cb89339f6b0e4141bec_TextPercentage" hidden="1">
            <a:extLst>
              <a:ext uri="{FF2B5EF4-FFF2-40B4-BE49-F238E27FC236}">
                <a16:creationId xmlns:a16="http://schemas.microsoft.com/office/drawing/2014/main" id="{51147AF9-C61C-4910-9623-FF74B8A8899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9" name="OTLSHAPE_SLT_7bc97d6c6fd04cb89339f6b0e4141bec_StartDate" hidden="1">
            <a:extLst>
              <a:ext uri="{FF2B5EF4-FFF2-40B4-BE49-F238E27FC236}">
                <a16:creationId xmlns:a16="http://schemas.microsoft.com/office/drawing/2014/main" id="{C7E68162-EF61-4C98-967C-734D2A60BDE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0" name="OTLSHAPE_SLT_7bc97d6c6fd04cb89339f6b0e4141bec_EndDate" hidden="1">
            <a:extLst>
              <a:ext uri="{FF2B5EF4-FFF2-40B4-BE49-F238E27FC236}">
                <a16:creationId xmlns:a16="http://schemas.microsoft.com/office/drawing/2014/main" id="{E77E1D34-9255-4290-96AA-FCE17FABC68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5" name="OTLSHAPE_SLT_ece44dcef1134bd3886aa26a9de231da_Duration" hidden="1">
            <a:extLst>
              <a:ext uri="{FF2B5EF4-FFF2-40B4-BE49-F238E27FC236}">
                <a16:creationId xmlns:a16="http://schemas.microsoft.com/office/drawing/2014/main" id="{06FE6044-CB55-44A3-97A9-999BFA9B9EA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6" name="OTLSHAPE_SLT_ece44dcef1134bd3886aa26a9de231da_TextPercentage" hidden="1">
            <a:extLst>
              <a:ext uri="{FF2B5EF4-FFF2-40B4-BE49-F238E27FC236}">
                <a16:creationId xmlns:a16="http://schemas.microsoft.com/office/drawing/2014/main" id="{4122BF0B-218B-44FE-B16C-F692C3B97AB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7" name="OTLSHAPE_SLT_ece44dcef1134bd3886aa26a9de231da_StartDate" hidden="1">
            <a:extLst>
              <a:ext uri="{FF2B5EF4-FFF2-40B4-BE49-F238E27FC236}">
                <a16:creationId xmlns:a16="http://schemas.microsoft.com/office/drawing/2014/main" id="{D32B305A-B168-4CC4-9CBA-EDE3FCA1E49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8" name="OTLSHAPE_SLT_ece44dcef1134bd3886aa26a9de231da_EndDate" hidden="1">
            <a:extLst>
              <a:ext uri="{FF2B5EF4-FFF2-40B4-BE49-F238E27FC236}">
                <a16:creationId xmlns:a16="http://schemas.microsoft.com/office/drawing/2014/main" id="{E214745F-0BDF-4654-81D1-26AA51D64DD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3" name="OTLSHAPE_SLT_3928fb37a49142a3b24c17861a120a60_Duration" hidden="1">
            <a:extLst>
              <a:ext uri="{FF2B5EF4-FFF2-40B4-BE49-F238E27FC236}">
                <a16:creationId xmlns:a16="http://schemas.microsoft.com/office/drawing/2014/main" id="{D2E2F729-CD07-49D4-B08B-199C89E7258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4" name="OTLSHAPE_SLT_3928fb37a49142a3b24c17861a120a60_TextPercentage" hidden="1">
            <a:extLst>
              <a:ext uri="{FF2B5EF4-FFF2-40B4-BE49-F238E27FC236}">
                <a16:creationId xmlns:a16="http://schemas.microsoft.com/office/drawing/2014/main" id="{7EE54F50-A774-42FB-AEB6-BCDB00C7A43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5" name="OTLSHAPE_SLT_3928fb37a49142a3b24c17861a120a60_StartDate" hidden="1">
            <a:extLst>
              <a:ext uri="{FF2B5EF4-FFF2-40B4-BE49-F238E27FC236}">
                <a16:creationId xmlns:a16="http://schemas.microsoft.com/office/drawing/2014/main" id="{93A258E9-F570-4331-A044-033DAF6ED50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6" name="OTLSHAPE_SLT_3928fb37a49142a3b24c17861a120a60_EndDate" hidden="1">
            <a:extLst>
              <a:ext uri="{FF2B5EF4-FFF2-40B4-BE49-F238E27FC236}">
                <a16:creationId xmlns:a16="http://schemas.microsoft.com/office/drawing/2014/main" id="{8EE64C45-429F-4113-946F-6C96D48362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29" name="OTLSHAPE_SLT_9157b54b85844e3c8b6bd18e4e161db6_Duration" hidden="1">
            <a:extLst>
              <a:ext uri="{FF2B5EF4-FFF2-40B4-BE49-F238E27FC236}">
                <a16:creationId xmlns:a16="http://schemas.microsoft.com/office/drawing/2014/main" id="{28AD34E7-93B8-44BE-A108-FB2406D6CDF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30" name="OTLSHAPE_SLT_9157b54b85844e3c8b6bd18e4e161db6_TextPercentage" hidden="1">
            <a:extLst>
              <a:ext uri="{FF2B5EF4-FFF2-40B4-BE49-F238E27FC236}">
                <a16:creationId xmlns:a16="http://schemas.microsoft.com/office/drawing/2014/main" id="{665A5D1D-A3D3-465F-B96D-0984ECF3C60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31" name="OTLSHAPE_SLT_9157b54b85844e3c8b6bd18e4e161db6_StartDate" hidden="1">
            <a:extLst>
              <a:ext uri="{FF2B5EF4-FFF2-40B4-BE49-F238E27FC236}">
                <a16:creationId xmlns:a16="http://schemas.microsoft.com/office/drawing/2014/main" id="{EE72BC4F-D13A-4FA4-8DA5-8F3CA7199DA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32" name="OTLSHAPE_SLT_9157b54b85844e3c8b6bd18e4e161db6_EndDate" hidden="1">
            <a:extLst>
              <a:ext uri="{FF2B5EF4-FFF2-40B4-BE49-F238E27FC236}">
                <a16:creationId xmlns:a16="http://schemas.microsoft.com/office/drawing/2014/main" id="{E173D91C-0B14-4C19-BFDD-643FCE74442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45" name="OTLSHAPE_SLT_ff8264a655824069ad66a12fe8613c24_Duration" hidden="1">
            <a:extLst>
              <a:ext uri="{FF2B5EF4-FFF2-40B4-BE49-F238E27FC236}">
                <a16:creationId xmlns:a16="http://schemas.microsoft.com/office/drawing/2014/main" id="{6690391A-E2D6-4BCB-BED6-151410D8135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46" name="OTLSHAPE_SLT_ff8264a655824069ad66a12fe8613c24_TextPercentage" hidden="1">
            <a:extLst>
              <a:ext uri="{FF2B5EF4-FFF2-40B4-BE49-F238E27FC236}">
                <a16:creationId xmlns:a16="http://schemas.microsoft.com/office/drawing/2014/main" id="{673E6FAF-32C2-4262-BC01-38B2595EED1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47" name="OTLSHAPE_SLT_ff8264a655824069ad66a12fe8613c24_StartDate" hidden="1">
            <a:extLst>
              <a:ext uri="{FF2B5EF4-FFF2-40B4-BE49-F238E27FC236}">
                <a16:creationId xmlns:a16="http://schemas.microsoft.com/office/drawing/2014/main" id="{40C71D92-718C-4947-8DF7-D8EA52B90F9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48" name="OTLSHAPE_SLT_ff8264a655824069ad66a12fe8613c24_EndDate" hidden="1">
            <a:extLst>
              <a:ext uri="{FF2B5EF4-FFF2-40B4-BE49-F238E27FC236}">
                <a16:creationId xmlns:a16="http://schemas.microsoft.com/office/drawing/2014/main" id="{A2E0932E-FBA8-4EF5-A985-8666C0976C9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3" name="OTLSHAPE_SLT_0853c77b740542a19371ef960b092235_Duration" hidden="1">
            <a:extLst>
              <a:ext uri="{FF2B5EF4-FFF2-40B4-BE49-F238E27FC236}">
                <a16:creationId xmlns:a16="http://schemas.microsoft.com/office/drawing/2014/main" id="{E508CEF9-8A27-4AE1-9D00-C0011467CD7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4" name="OTLSHAPE_SLT_0853c77b740542a19371ef960b092235_TextPercentage" hidden="1">
            <a:extLst>
              <a:ext uri="{FF2B5EF4-FFF2-40B4-BE49-F238E27FC236}">
                <a16:creationId xmlns:a16="http://schemas.microsoft.com/office/drawing/2014/main" id="{3A80BB74-026C-4DCA-8516-170B7101F85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5" name="OTLSHAPE_SLT_0853c77b740542a19371ef960b092235_StartDate" hidden="1">
            <a:extLst>
              <a:ext uri="{FF2B5EF4-FFF2-40B4-BE49-F238E27FC236}">
                <a16:creationId xmlns:a16="http://schemas.microsoft.com/office/drawing/2014/main" id="{F8F7B4DF-3338-47D2-9746-AA51F8E9B55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6" name="OTLSHAPE_SLT_0853c77b740542a19371ef960b092235_EndDate" hidden="1">
            <a:extLst>
              <a:ext uri="{FF2B5EF4-FFF2-40B4-BE49-F238E27FC236}">
                <a16:creationId xmlns:a16="http://schemas.microsoft.com/office/drawing/2014/main" id="{644F7325-3008-4FA2-99BD-1E266A06CE3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1" name="OTLSHAPE_SLT_f51f6717d20540f5992a9314232ca4b7_Duration" hidden="1">
            <a:extLst>
              <a:ext uri="{FF2B5EF4-FFF2-40B4-BE49-F238E27FC236}">
                <a16:creationId xmlns:a16="http://schemas.microsoft.com/office/drawing/2014/main" id="{ED5E12B0-A849-45CB-93AD-B36CDF5A1F9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2" name="OTLSHAPE_SLT_f51f6717d20540f5992a9314232ca4b7_TextPercentage" hidden="1">
            <a:extLst>
              <a:ext uri="{FF2B5EF4-FFF2-40B4-BE49-F238E27FC236}">
                <a16:creationId xmlns:a16="http://schemas.microsoft.com/office/drawing/2014/main" id="{106C9676-00BD-4BAF-A24C-7556AB44E84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3" name="OTLSHAPE_SLT_f51f6717d20540f5992a9314232ca4b7_StartDate" hidden="1">
            <a:extLst>
              <a:ext uri="{FF2B5EF4-FFF2-40B4-BE49-F238E27FC236}">
                <a16:creationId xmlns:a16="http://schemas.microsoft.com/office/drawing/2014/main" id="{7377735F-BFC9-4532-AC11-CF9F13E2253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4" name="OTLSHAPE_SLT_f51f6717d20540f5992a9314232ca4b7_EndDate" hidden="1">
            <a:extLst>
              <a:ext uri="{FF2B5EF4-FFF2-40B4-BE49-F238E27FC236}">
                <a16:creationId xmlns:a16="http://schemas.microsoft.com/office/drawing/2014/main" id="{3E2FC9C3-96DC-48EA-B1E9-99721188FD3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9" name="OTLSHAPE_SLT_a3b34ec4bb974d679e5a11647827f872_Duration" hidden="1">
            <a:extLst>
              <a:ext uri="{FF2B5EF4-FFF2-40B4-BE49-F238E27FC236}">
                <a16:creationId xmlns:a16="http://schemas.microsoft.com/office/drawing/2014/main" id="{ADC59FD3-BEC7-4913-85E1-5F9CC16953B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0" name="OTLSHAPE_SLT_a3b34ec4bb974d679e5a11647827f872_TextPercentage" hidden="1">
            <a:extLst>
              <a:ext uri="{FF2B5EF4-FFF2-40B4-BE49-F238E27FC236}">
                <a16:creationId xmlns:a16="http://schemas.microsoft.com/office/drawing/2014/main" id="{C7B20563-29A1-492C-9F0D-4F20777DE93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1" name="OTLSHAPE_SLT_a3b34ec4bb974d679e5a11647827f872_StartDate" hidden="1">
            <a:extLst>
              <a:ext uri="{FF2B5EF4-FFF2-40B4-BE49-F238E27FC236}">
                <a16:creationId xmlns:a16="http://schemas.microsoft.com/office/drawing/2014/main" id="{CA63EEF0-90CF-4A57-95C0-59A620CFA45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2" name="OTLSHAPE_SLT_a3b34ec4bb974d679e5a11647827f872_EndDate" hidden="1">
            <a:extLst>
              <a:ext uri="{FF2B5EF4-FFF2-40B4-BE49-F238E27FC236}">
                <a16:creationId xmlns:a16="http://schemas.microsoft.com/office/drawing/2014/main" id="{36101A05-5725-49B0-BF78-3EBFD87F828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7" name="OTLSHAPE_SLT_abdfa7ca915e4be895ce18cfab27bd5f_Duration" hidden="1">
            <a:extLst>
              <a:ext uri="{FF2B5EF4-FFF2-40B4-BE49-F238E27FC236}">
                <a16:creationId xmlns:a16="http://schemas.microsoft.com/office/drawing/2014/main" id="{4AA1AD59-5644-48A3-B770-CD52ED26DF8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8" name="OTLSHAPE_SLT_abdfa7ca915e4be895ce18cfab27bd5f_TextPercentage" hidden="1">
            <a:extLst>
              <a:ext uri="{FF2B5EF4-FFF2-40B4-BE49-F238E27FC236}">
                <a16:creationId xmlns:a16="http://schemas.microsoft.com/office/drawing/2014/main" id="{4F6A73F5-F09D-4979-BC2C-8BC8728B166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9" name="OTLSHAPE_SLT_abdfa7ca915e4be895ce18cfab27bd5f_StartDate" hidden="1">
            <a:extLst>
              <a:ext uri="{FF2B5EF4-FFF2-40B4-BE49-F238E27FC236}">
                <a16:creationId xmlns:a16="http://schemas.microsoft.com/office/drawing/2014/main" id="{3C1A3899-9D64-468F-9453-BC28E99242B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0" name="OTLSHAPE_SLT_abdfa7ca915e4be895ce18cfab27bd5f_EndDate" hidden="1">
            <a:extLst>
              <a:ext uri="{FF2B5EF4-FFF2-40B4-BE49-F238E27FC236}">
                <a16:creationId xmlns:a16="http://schemas.microsoft.com/office/drawing/2014/main" id="{72F01C6B-F12E-49E5-A648-F176FAFE13E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5" name="OTLSHAPE_SLT_0061fffd2c1b46a9905bd16958948640_Duration" hidden="1">
            <a:extLst>
              <a:ext uri="{FF2B5EF4-FFF2-40B4-BE49-F238E27FC236}">
                <a16:creationId xmlns:a16="http://schemas.microsoft.com/office/drawing/2014/main" id="{31031A7C-6550-4F84-869B-2B52B44636A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6" name="OTLSHAPE_SLT_0061fffd2c1b46a9905bd16958948640_TextPercentage" hidden="1">
            <a:extLst>
              <a:ext uri="{FF2B5EF4-FFF2-40B4-BE49-F238E27FC236}">
                <a16:creationId xmlns:a16="http://schemas.microsoft.com/office/drawing/2014/main" id="{B81C101E-B2DA-427A-9FC6-08E45255560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7" name="OTLSHAPE_SLT_0061fffd2c1b46a9905bd16958948640_JoinedDate" hidden="1">
            <a:extLst>
              <a:ext uri="{FF2B5EF4-FFF2-40B4-BE49-F238E27FC236}">
                <a16:creationId xmlns:a16="http://schemas.microsoft.com/office/drawing/2014/main" id="{7FF595AD-F0B0-410F-B4E6-8CDB35C6A4A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3" name="OTLSHAPE_SLT_120f3b399cf0461a8284922406bc925e_Duration" hidden="1">
            <a:extLst>
              <a:ext uri="{FF2B5EF4-FFF2-40B4-BE49-F238E27FC236}">
                <a16:creationId xmlns:a16="http://schemas.microsoft.com/office/drawing/2014/main" id="{BE05F7DE-6342-4D4B-B280-8E2C754D722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4" name="OTLSHAPE_SLT_120f3b399cf0461a8284922406bc925e_TextPercentage" hidden="1">
            <a:extLst>
              <a:ext uri="{FF2B5EF4-FFF2-40B4-BE49-F238E27FC236}">
                <a16:creationId xmlns:a16="http://schemas.microsoft.com/office/drawing/2014/main" id="{1F05F515-D08A-41A9-BC84-417A297AA74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5" name="OTLSHAPE_SLT_120f3b399cf0461a8284922406bc925e_JoinedDate" hidden="1">
            <a:extLst>
              <a:ext uri="{FF2B5EF4-FFF2-40B4-BE49-F238E27FC236}">
                <a16:creationId xmlns:a16="http://schemas.microsoft.com/office/drawing/2014/main" id="{8D4C629E-0DA0-40D1-B54C-1AEEC73E453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0" name="OTLSHAPE_SLT_1c597053a5ab4dad90641a6f3b3b2ba0_Duration" hidden="1">
            <a:extLst>
              <a:ext uri="{FF2B5EF4-FFF2-40B4-BE49-F238E27FC236}">
                <a16:creationId xmlns:a16="http://schemas.microsoft.com/office/drawing/2014/main" id="{C2C3F0A9-7B5A-4839-8EAC-CD4FFA4C937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1" name="OTLSHAPE_SLT_1c597053a5ab4dad90641a6f3b3b2ba0_TextPercentage" hidden="1">
            <a:extLst>
              <a:ext uri="{FF2B5EF4-FFF2-40B4-BE49-F238E27FC236}">
                <a16:creationId xmlns:a16="http://schemas.microsoft.com/office/drawing/2014/main" id="{9D1E6357-226A-4BFB-89A5-91DDE91D69F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2" name="OTLSHAPE_SLT_1c597053a5ab4dad90641a6f3b3b2ba0_JoinedDate" hidden="1">
            <a:extLst>
              <a:ext uri="{FF2B5EF4-FFF2-40B4-BE49-F238E27FC236}">
                <a16:creationId xmlns:a16="http://schemas.microsoft.com/office/drawing/2014/main" id="{DDC2A801-A680-4253-99DF-1ECB1F75275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5" name="OTLSHAPE_SLT_56c8a13fca7f4a93bd2f4c42e5dd4627_Duration" hidden="1">
            <a:extLst>
              <a:ext uri="{FF2B5EF4-FFF2-40B4-BE49-F238E27FC236}">
                <a16:creationId xmlns:a16="http://schemas.microsoft.com/office/drawing/2014/main" id="{50EF3286-04E5-4216-A9F7-BE7ED4BEC1E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6" name="OTLSHAPE_SLT_56c8a13fca7f4a93bd2f4c42e5dd4627_TextPercentage" hidden="1">
            <a:extLst>
              <a:ext uri="{FF2B5EF4-FFF2-40B4-BE49-F238E27FC236}">
                <a16:creationId xmlns:a16="http://schemas.microsoft.com/office/drawing/2014/main" id="{08014925-FFB3-46A8-BDE8-FEDEE7D1300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7" name="OTLSHAPE_SLT_56c8a13fca7f4a93bd2f4c42e5dd4627_JoinedDate" hidden="1">
            <a:extLst>
              <a:ext uri="{FF2B5EF4-FFF2-40B4-BE49-F238E27FC236}">
                <a16:creationId xmlns:a16="http://schemas.microsoft.com/office/drawing/2014/main" id="{6C112AEA-DC45-4FF8-97A8-8501D04DA8E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" name="OTLSHAPE_SLT_a279822037864421a197d731fa063948_Duration" hidden="1">
            <a:extLst>
              <a:ext uri="{FF2B5EF4-FFF2-40B4-BE49-F238E27FC236}">
                <a16:creationId xmlns:a16="http://schemas.microsoft.com/office/drawing/2014/main" id="{96041981-F00E-41C3-9B20-2770DF38C89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5" name="OTLSHAPE_SLT_a279822037864421a197d731fa063948_TextPercentage" hidden="1">
            <a:extLst>
              <a:ext uri="{FF2B5EF4-FFF2-40B4-BE49-F238E27FC236}">
                <a16:creationId xmlns:a16="http://schemas.microsoft.com/office/drawing/2014/main" id="{8ECAF28D-108F-4CDB-B5DC-A8F44FBCC40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" name="OTLSHAPE_SLT_a279822037864421a197d731fa063948_StartDate" hidden="1">
            <a:extLst>
              <a:ext uri="{FF2B5EF4-FFF2-40B4-BE49-F238E27FC236}">
                <a16:creationId xmlns:a16="http://schemas.microsoft.com/office/drawing/2014/main" id="{211301D2-ABDD-40D1-BC54-9B2B0253797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" name="OTLSHAPE_SLT_a279822037864421a197d731fa063948_EndDate" hidden="1">
            <a:extLst>
              <a:ext uri="{FF2B5EF4-FFF2-40B4-BE49-F238E27FC236}">
                <a16:creationId xmlns:a16="http://schemas.microsoft.com/office/drawing/2014/main" id="{60A09BBD-1CD8-4C2F-981E-726B045822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6" name="OTLSHAPE_SLT_8b2ecae8ebdf4f6b986a022a0cda52a7_Duration" hidden="1">
            <a:extLst>
              <a:ext uri="{FF2B5EF4-FFF2-40B4-BE49-F238E27FC236}">
                <a16:creationId xmlns:a16="http://schemas.microsoft.com/office/drawing/2014/main" id="{AF598083-EF29-49A2-90C8-65431EA07EC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7" name="OTLSHAPE_SLT_8b2ecae8ebdf4f6b986a022a0cda52a7_TextPercentage" hidden="1">
            <a:extLst>
              <a:ext uri="{FF2B5EF4-FFF2-40B4-BE49-F238E27FC236}">
                <a16:creationId xmlns:a16="http://schemas.microsoft.com/office/drawing/2014/main" id="{8B687E48-11D7-431D-975C-23C72EC2116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8" name="OTLSHAPE_SLT_8b2ecae8ebdf4f6b986a022a0cda52a7_JoinedDate" hidden="1">
            <a:extLst>
              <a:ext uri="{FF2B5EF4-FFF2-40B4-BE49-F238E27FC236}">
                <a16:creationId xmlns:a16="http://schemas.microsoft.com/office/drawing/2014/main" id="{008C0C0D-1350-4253-BDD3-A8C939AA15E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5318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46" name="OTLSHAPE_SL_dd8d04ce43c44b9da33c4564c6ca7507_BackgroundRectangle">
            <a:extLst>
              <a:ext uri="{FF2B5EF4-FFF2-40B4-BE49-F238E27FC236}">
                <a16:creationId xmlns:a16="http://schemas.microsoft.com/office/drawing/2014/main" id="{7EE77604-B749-43ED-986D-43A2F424D830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63500" y="15236910"/>
            <a:ext cx="16814800" cy="449919"/>
          </a:xfrm>
          <a:prstGeom prst="rect">
            <a:avLst/>
          </a:prstGeom>
          <a:solidFill>
            <a:srgbClr val="5E5E5E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" name="OTLSHAPE_SL_8378bf46764344c4be4865fd20b42e3c_BackgroundRectangle">
            <a:extLst>
              <a:ext uri="{FF2B5EF4-FFF2-40B4-BE49-F238E27FC236}">
                <a16:creationId xmlns:a16="http://schemas.microsoft.com/office/drawing/2014/main" id="{9F70133E-63AF-4DF8-95F2-F34C66A0987A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63500" y="6472555"/>
            <a:ext cx="16814800" cy="1324356"/>
          </a:xfrm>
          <a:prstGeom prst="rect">
            <a:avLst/>
          </a:prstGeom>
          <a:solidFill>
            <a:srgbClr val="418AB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SL_a4b335f9b644455594f1595bc13d6f3c_BackgroundRectangle">
            <a:extLst>
              <a:ext uri="{FF2B5EF4-FFF2-40B4-BE49-F238E27FC236}">
                <a16:creationId xmlns:a16="http://schemas.microsoft.com/office/drawing/2014/main" id="{1DD45802-13C7-464E-931B-91B1BAD62C1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63500" y="7860411"/>
            <a:ext cx="16814800" cy="1761575"/>
          </a:xfrm>
          <a:prstGeom prst="rect">
            <a:avLst/>
          </a:prstGeom>
          <a:solidFill>
            <a:srgbClr val="A6B72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SL_e1e0495615044597a0a343641dda45fd_BackgroundRectangle">
            <a:extLst>
              <a:ext uri="{FF2B5EF4-FFF2-40B4-BE49-F238E27FC236}">
                <a16:creationId xmlns:a16="http://schemas.microsoft.com/office/drawing/2014/main" id="{A80782B0-541A-4BA3-9E53-FE163D5F9A3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3500" y="9685486"/>
            <a:ext cx="16814800" cy="2198793"/>
          </a:xfrm>
          <a:prstGeom prst="rect">
            <a:avLst/>
          </a:prstGeom>
          <a:solidFill>
            <a:srgbClr val="F692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SL_607ffede652d4e90bc9e60ed649669d5_BackgroundRectangle">
            <a:extLst>
              <a:ext uri="{FF2B5EF4-FFF2-40B4-BE49-F238E27FC236}">
                <a16:creationId xmlns:a16="http://schemas.microsoft.com/office/drawing/2014/main" id="{C49B3103-3C5E-4B23-81C2-D7E529627700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3500" y="11947779"/>
            <a:ext cx="16814800" cy="1324356"/>
          </a:xfrm>
          <a:prstGeom prst="rect">
            <a:avLst/>
          </a:prstGeom>
          <a:solidFill>
            <a:srgbClr val="83838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SL_221ec1d635f3467f89a500178abf0475_BackgroundRectangle">
            <a:extLst>
              <a:ext uri="{FF2B5EF4-FFF2-40B4-BE49-F238E27FC236}">
                <a16:creationId xmlns:a16="http://schemas.microsoft.com/office/drawing/2014/main" id="{4005ADBF-9F9F-47DC-8937-7E699597A9C6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3500" y="13335636"/>
            <a:ext cx="16814800" cy="887137"/>
          </a:xfrm>
          <a:prstGeom prst="rect">
            <a:avLst/>
          </a:prstGeom>
          <a:solidFill>
            <a:srgbClr val="FEC306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SL_864c59d8f85c40e1961b1d7f50891090_BackgroundRectangle">
            <a:extLst>
              <a:ext uri="{FF2B5EF4-FFF2-40B4-BE49-F238E27FC236}">
                <a16:creationId xmlns:a16="http://schemas.microsoft.com/office/drawing/2014/main" id="{80472AC7-AAB3-4943-993D-A3501CD2B5D3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63500" y="14286272"/>
            <a:ext cx="16814800" cy="887137"/>
          </a:xfrm>
          <a:prstGeom prst="rect">
            <a:avLst/>
          </a:prstGeom>
          <a:solidFill>
            <a:srgbClr val="DF532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0489517-9AD9-4068-864E-5D1B5609025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7158546" y="5502254"/>
            <a:ext cx="876300" cy="5270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400" b="1" spc="-70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1" name="OTLSHAPE_M_bb1b2ca9d7d841c5a5dfac0ce4fd65d7_Connector1">
            <a:extLst>
              <a:ext uri="{FF2B5EF4-FFF2-40B4-BE49-F238E27FC236}">
                <a16:creationId xmlns:a16="http://schemas.microsoft.com/office/drawing/2014/main" id="{2F9CC947-982F-42B5-BBBA-F2E409C3B12E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11977665" y="51267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a16959aeff14b13af9802a714c1769b_Connector1">
            <a:extLst>
              <a:ext uri="{FF2B5EF4-FFF2-40B4-BE49-F238E27FC236}">
                <a16:creationId xmlns:a16="http://schemas.microsoft.com/office/drawing/2014/main" id="{32835AD7-7FC8-4800-81A8-42131B507CBA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16269280" y="51267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M_e825d5e10b6943ce90b3651c4a20ddbb_Connector1">
            <a:extLst>
              <a:ext uri="{FF2B5EF4-FFF2-40B4-BE49-F238E27FC236}">
                <a16:creationId xmlns:a16="http://schemas.microsoft.com/office/drawing/2014/main" id="{DC1134E1-804F-4548-89A9-D6A437DEABA9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15395797" y="4661535"/>
            <a:ext cx="0" cy="9137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259bf2dbe9b9496689e089de25b2d94c_Connector1">
            <a:extLst>
              <a:ext uri="{FF2B5EF4-FFF2-40B4-BE49-F238E27FC236}">
                <a16:creationId xmlns:a16="http://schemas.microsoft.com/office/drawing/2014/main" id="{36797BC7-55BE-4082-93C7-1D2CE3050086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849866" y="51267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918A6860-F089-4521-80EC-64E05BC2110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1256453" y="5575300"/>
            <a:ext cx="157861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" name="OTLSHAPE_SL_dd8d04ce43c44b9da33c4564c6ca7507_HeaderRectangle">
            <a:extLst>
              <a:ext uri="{FF2B5EF4-FFF2-40B4-BE49-F238E27FC236}">
                <a16:creationId xmlns:a16="http://schemas.microsoft.com/office/drawing/2014/main" id="{6FFBBC6B-FD8F-4288-9D12-55577614444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63500" y="15236910"/>
            <a:ext cx="1231900" cy="449919"/>
          </a:xfrm>
          <a:prstGeom prst="rect">
            <a:avLst/>
          </a:prstGeom>
          <a:solidFill>
            <a:srgbClr val="5E5E5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SL_8378bf46764344c4be4865fd20b42e3c_HeaderRectangle">
            <a:extLst>
              <a:ext uri="{FF2B5EF4-FFF2-40B4-BE49-F238E27FC236}">
                <a16:creationId xmlns:a16="http://schemas.microsoft.com/office/drawing/2014/main" id="{0969ECFF-D56F-4784-B1BA-DB0BF1C15274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63500" y="6472555"/>
            <a:ext cx="1231900" cy="1324356"/>
          </a:xfrm>
          <a:prstGeom prst="rect">
            <a:avLst/>
          </a:prstGeom>
          <a:solidFill>
            <a:srgbClr val="418AB3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SL_a4b335f9b644455594f1595bc13d6f3c_HeaderRectangle">
            <a:extLst>
              <a:ext uri="{FF2B5EF4-FFF2-40B4-BE49-F238E27FC236}">
                <a16:creationId xmlns:a16="http://schemas.microsoft.com/office/drawing/2014/main" id="{9D723A17-CADB-42C0-A5E1-4B1004224973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63500" y="7860411"/>
            <a:ext cx="1231900" cy="1761575"/>
          </a:xfrm>
          <a:prstGeom prst="rect">
            <a:avLst/>
          </a:prstGeom>
          <a:solidFill>
            <a:srgbClr val="A6B72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SL_e1e0495615044597a0a343641dda45fd_HeaderRectangle">
            <a:extLst>
              <a:ext uri="{FF2B5EF4-FFF2-40B4-BE49-F238E27FC236}">
                <a16:creationId xmlns:a16="http://schemas.microsoft.com/office/drawing/2014/main" id="{56C90CCF-3D23-460C-9B39-16BBD8CC65F5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63500" y="9685486"/>
            <a:ext cx="1231900" cy="2198793"/>
          </a:xfrm>
          <a:prstGeom prst="rect">
            <a:avLst/>
          </a:prstGeom>
          <a:solidFill>
            <a:srgbClr val="F6920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SL_607ffede652d4e90bc9e60ed649669d5_HeaderRectangle">
            <a:extLst>
              <a:ext uri="{FF2B5EF4-FFF2-40B4-BE49-F238E27FC236}">
                <a16:creationId xmlns:a16="http://schemas.microsoft.com/office/drawing/2014/main" id="{C95E4C3D-CEA3-49A6-8DAE-25FEFD0213D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63500" y="11947779"/>
            <a:ext cx="1231900" cy="1324356"/>
          </a:xfrm>
          <a:prstGeom prst="rect">
            <a:avLst/>
          </a:prstGeom>
          <a:solidFill>
            <a:srgbClr val="838383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_221ec1d635f3467f89a500178abf0475_HeaderRectangle">
            <a:extLst>
              <a:ext uri="{FF2B5EF4-FFF2-40B4-BE49-F238E27FC236}">
                <a16:creationId xmlns:a16="http://schemas.microsoft.com/office/drawing/2014/main" id="{39E8E562-AE03-4825-9AF7-817A5A935E71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63500" y="13335636"/>
            <a:ext cx="1231900" cy="887137"/>
          </a:xfrm>
          <a:prstGeom prst="rect">
            <a:avLst/>
          </a:prstGeom>
          <a:solidFill>
            <a:srgbClr val="FEC30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" name="OTLSHAPE_SL_864c59d8f85c40e1961b1d7f50891090_HeaderRectangle">
            <a:extLst>
              <a:ext uri="{FF2B5EF4-FFF2-40B4-BE49-F238E27FC236}">
                <a16:creationId xmlns:a16="http://schemas.microsoft.com/office/drawing/2014/main" id="{2636B606-DC56-46B1-B003-42607A58EE05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3500" y="14286272"/>
            <a:ext cx="1231900" cy="887137"/>
          </a:xfrm>
          <a:prstGeom prst="rect">
            <a:avLst/>
          </a:prstGeom>
          <a:solidFill>
            <a:srgbClr val="DF532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49" name="OTLSHAPE_G_00000000000000000000000000000000_ShapeBelow0">
            <a:extLst>
              <a:ext uri="{FF2B5EF4-FFF2-40B4-BE49-F238E27FC236}">
                <a16:creationId xmlns:a16="http://schemas.microsoft.com/office/drawing/2014/main" id="{C2075744-4745-44F8-8893-9CD5914B76D3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2729727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G_00000000000000000000000000000000_ShapeBelow1">
            <a:extLst>
              <a:ext uri="{FF2B5EF4-FFF2-40B4-BE49-F238E27FC236}">
                <a16:creationId xmlns:a16="http://schemas.microsoft.com/office/drawing/2014/main" id="{F0CF1AFA-8638-4D9E-8F48-040560595F2B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4037901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G_00000000000000000000000000000000_ShapeBelow2">
            <a:extLst>
              <a:ext uri="{FF2B5EF4-FFF2-40B4-BE49-F238E27FC236}">
                <a16:creationId xmlns:a16="http://schemas.microsoft.com/office/drawing/2014/main" id="{862008E6-8D4B-4E47-9000-108094781C0E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5261677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G_00000000000000000000000000000000_ShapeBelow3">
            <a:extLst>
              <a:ext uri="{FF2B5EF4-FFF2-40B4-BE49-F238E27FC236}">
                <a16:creationId xmlns:a16="http://schemas.microsoft.com/office/drawing/2014/main" id="{60EC23B6-49E1-4B93-B2D6-3FCF12CDFA83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6569851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G_00000000000000000000000000000000_ShapeBelow4">
            <a:extLst>
              <a:ext uri="{FF2B5EF4-FFF2-40B4-BE49-F238E27FC236}">
                <a16:creationId xmlns:a16="http://schemas.microsoft.com/office/drawing/2014/main" id="{F6130E45-0820-4FF6-8422-FFD27AD9B78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835826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G_00000000000000000000000000000000_ShapeBelow5">
            <a:extLst>
              <a:ext uri="{FF2B5EF4-FFF2-40B4-BE49-F238E27FC236}">
                <a16:creationId xmlns:a16="http://schemas.microsoft.com/office/drawing/2014/main" id="{2F45F25B-3782-46B3-9885-34AFED9125C8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9144000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6">
            <a:extLst>
              <a:ext uri="{FF2B5EF4-FFF2-40B4-BE49-F238E27FC236}">
                <a16:creationId xmlns:a16="http://schemas.microsoft.com/office/drawing/2014/main" id="{B807D273-CC91-48F6-B57F-CCE96636F0AC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0409975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7">
            <a:extLst>
              <a:ext uri="{FF2B5EF4-FFF2-40B4-BE49-F238E27FC236}">
                <a16:creationId xmlns:a16="http://schemas.microsoft.com/office/drawing/2014/main" id="{F65F1D16-813A-44E1-ADAC-916B83C824E5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11718149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8">
            <a:extLst>
              <a:ext uri="{FF2B5EF4-FFF2-40B4-BE49-F238E27FC236}">
                <a16:creationId xmlns:a16="http://schemas.microsoft.com/office/drawing/2014/main" id="{034CE8A9-ED5F-41A8-B7F3-FEDA23ADE477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13026323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9">
            <a:extLst>
              <a:ext uri="{FF2B5EF4-FFF2-40B4-BE49-F238E27FC236}">
                <a16:creationId xmlns:a16="http://schemas.microsoft.com/office/drawing/2014/main" id="{AF7CB4B3-D93D-4A7F-BBCA-229E98D4DEEA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14292298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10">
            <a:extLst>
              <a:ext uri="{FF2B5EF4-FFF2-40B4-BE49-F238E27FC236}">
                <a16:creationId xmlns:a16="http://schemas.microsoft.com/office/drawing/2014/main" id="{7927E8EA-7D6D-4599-8AAD-E8F589B1AF8A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15600471" y="5956300"/>
            <a:ext cx="0" cy="97305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6" name="OTLSHAPE_SLT_bb063b446a114c3dbd2e2e5c8da25aad_Shape">
            <a:extLst>
              <a:ext uri="{FF2B5EF4-FFF2-40B4-BE49-F238E27FC236}">
                <a16:creationId xmlns:a16="http://schemas.microsoft.com/office/drawing/2014/main" id="{7D2DF3CA-8A7C-4BBD-A78F-80A1D26C8D27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1801346" y="6681174"/>
            <a:ext cx="469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" name="OTLSHAPE_SLT_e18a3447498a4e838a0fbc5986cf598d_Shape">
            <a:extLst>
              <a:ext uri="{FF2B5EF4-FFF2-40B4-BE49-F238E27FC236}">
                <a16:creationId xmlns:a16="http://schemas.microsoft.com/office/drawing/2014/main" id="{EF7C4919-00BF-43E0-8E52-F4F04688A04C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2265537" y="7118393"/>
            <a:ext cx="469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" name="OTLSHAPE_SLT_4ba3082b69fd4dd3b22433b804034d74_Shape">
            <a:extLst>
              <a:ext uri="{FF2B5EF4-FFF2-40B4-BE49-F238E27FC236}">
                <a16:creationId xmlns:a16="http://schemas.microsoft.com/office/drawing/2014/main" id="{E995ACC8-8903-46EC-BAC2-77B4F36E7D9E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729727" y="7555611"/>
            <a:ext cx="23241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" name="OTLSHAPE_SLT_f17f8eb314004e1eb4f91c50637ea805_Shape">
            <a:extLst>
              <a:ext uri="{FF2B5EF4-FFF2-40B4-BE49-F238E27FC236}">
                <a16:creationId xmlns:a16="http://schemas.microsoft.com/office/drawing/2014/main" id="{F08D3782-658C-4C56-8937-EBE88A2FDCA3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008482" y="8069030"/>
            <a:ext cx="88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SLT_956bf0c830494a6c83e78c5a7b41f57d_Shape">
            <a:extLst>
              <a:ext uri="{FF2B5EF4-FFF2-40B4-BE49-F238E27FC236}">
                <a16:creationId xmlns:a16="http://schemas.microsoft.com/office/drawing/2014/main" id="{1685609C-F458-401D-B391-F0061443BBB8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092881" y="8506248"/>
            <a:ext cx="88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SLT_7bc97d6c6fd04cb89339f6b0e4141bec_Shape">
            <a:extLst>
              <a:ext uri="{FF2B5EF4-FFF2-40B4-BE49-F238E27FC236}">
                <a16:creationId xmlns:a16="http://schemas.microsoft.com/office/drawing/2014/main" id="{09EFEF9E-BD48-471D-B9CB-61CD173EB925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177279" y="8943467"/>
            <a:ext cx="381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" name="OTLSHAPE_SLT_ece44dcef1134bd3886aa26a9de231da_Shape">
            <a:extLst>
              <a:ext uri="{FF2B5EF4-FFF2-40B4-BE49-F238E27FC236}">
                <a16:creationId xmlns:a16="http://schemas.microsoft.com/office/drawing/2014/main" id="{39D130B8-E67F-432D-94CB-21942D89864F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5557071" y="9380686"/>
            <a:ext cx="939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" name="OTLSHAPE_SLT_3928fb37a49142a3b24c17861a120a60_Shape">
            <a:extLst>
              <a:ext uri="{FF2B5EF4-FFF2-40B4-BE49-F238E27FC236}">
                <a16:creationId xmlns:a16="http://schemas.microsoft.com/office/drawing/2014/main" id="{EE242280-50F9-4EA0-B30C-D21C2DCAF4A5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6443254" y="9894105"/>
            <a:ext cx="431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" name="OTLSHAPE_SLT_9157b54b85844e3c8b6bd18e4e161db6_Shape">
            <a:extLst>
              <a:ext uri="{FF2B5EF4-FFF2-40B4-BE49-F238E27FC236}">
                <a16:creationId xmlns:a16="http://schemas.microsoft.com/office/drawing/2014/main" id="{DC31029E-183E-49C8-B873-A2477DF1EDF0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7498233" y="10768542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" name="OTLSHAPE_SLT_ff8264a655824069ad66a12fe8613c24_Shape">
            <a:extLst>
              <a:ext uri="{FF2B5EF4-FFF2-40B4-BE49-F238E27FC236}">
                <a16:creationId xmlns:a16="http://schemas.microsoft.com/office/drawing/2014/main" id="{FF7CF99D-96AF-4166-ABB6-133BE555DEAF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7793627" y="11205760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" name="OTLSHAPE_SLT_0853c77b740542a19371ef960b092235_Shape">
            <a:extLst>
              <a:ext uri="{FF2B5EF4-FFF2-40B4-BE49-F238E27FC236}">
                <a16:creationId xmlns:a16="http://schemas.microsoft.com/office/drawing/2014/main" id="{9844EDC7-D10D-4D64-AC1F-4E0B6FDF2D27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9101801" y="12156398"/>
            <a:ext cx="2032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" name="OTLSHAPE_SLT_f51f6717d20540f5992a9314232ca4b7_Shape">
            <a:extLst>
              <a:ext uri="{FF2B5EF4-FFF2-40B4-BE49-F238E27FC236}">
                <a16:creationId xmlns:a16="http://schemas.microsoft.com/office/drawing/2014/main" id="{6F4A3910-E514-4113-BD7D-7A0D0819AED9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11127361" y="12593617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" name="OTLSHAPE_SLT_a3b34ec4bb974d679e5a11647827f872_Shape">
            <a:extLst>
              <a:ext uri="{FF2B5EF4-FFF2-40B4-BE49-F238E27FC236}">
                <a16:creationId xmlns:a16="http://schemas.microsoft.com/office/drawing/2014/main" id="{4D34CF18-90CC-46BF-A33B-553384123813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14503295" y="13544254"/>
            <a:ext cx="469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" name="OTLSHAPE_SLT_abdfa7ca915e4be895ce18cfab27bd5f_Shape">
            <a:extLst>
              <a:ext uri="{FF2B5EF4-FFF2-40B4-BE49-F238E27FC236}">
                <a16:creationId xmlns:a16="http://schemas.microsoft.com/office/drawing/2014/main" id="{D0527D2E-435F-4C7E-A697-58E8A6CEE257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14967485" y="13981472"/>
            <a:ext cx="431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SLT_0061fffd2c1b46a9905bd16958948640_Shape">
            <a:extLst>
              <a:ext uri="{FF2B5EF4-FFF2-40B4-BE49-F238E27FC236}">
                <a16:creationId xmlns:a16="http://schemas.microsoft.com/office/drawing/2014/main" id="{329CA50A-B998-4FEA-B447-911252379D2F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12097941" y="14494890"/>
            <a:ext cx="3302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1" name="OTLSHAPE_SLT_120f3b399cf0461a8284922406bc925e_Shape">
            <a:extLst>
              <a:ext uri="{FF2B5EF4-FFF2-40B4-BE49-F238E27FC236}">
                <a16:creationId xmlns:a16="http://schemas.microsoft.com/office/drawing/2014/main" id="{A88F3BBF-6767-425C-A81B-29C3AE544D19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15389476" y="1493211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" name="OTLSHAPE_SLT_1c597053a5ab4dad90641a6f3b3b2ba0_Shape">
            <a:extLst>
              <a:ext uri="{FF2B5EF4-FFF2-40B4-BE49-F238E27FC236}">
                <a16:creationId xmlns:a16="http://schemas.microsoft.com/office/drawing/2014/main" id="{217A0E24-080C-4D08-8194-B4F6CEB56F3B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11971344" y="13030836"/>
            <a:ext cx="25781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T_56c8a13fca7f4a93bd2f4c42e5dd4627_Shape">
            <a:extLst>
              <a:ext uri="{FF2B5EF4-FFF2-40B4-BE49-F238E27FC236}">
                <a16:creationId xmlns:a16="http://schemas.microsoft.com/office/drawing/2014/main" id="{8DA2411B-7013-4C6F-AFE0-242BCEDF850A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6865245" y="10331323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T_a279822037864421a197d731fa063948_Shape">
            <a:extLst>
              <a:ext uri="{FF2B5EF4-FFF2-40B4-BE49-F238E27FC236}">
                <a16:creationId xmlns:a16="http://schemas.microsoft.com/office/drawing/2014/main" id="{693C10BE-18B0-4743-A8D1-7C5A8D3C2E6D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8089021" y="11642979"/>
            <a:ext cx="1066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T_8b2ecae8ebdf4f6b986a022a0cda52a7_Shape">
            <a:extLst>
              <a:ext uri="{FF2B5EF4-FFF2-40B4-BE49-F238E27FC236}">
                <a16:creationId xmlns:a16="http://schemas.microsoft.com/office/drawing/2014/main" id="{E40A682B-FCD8-49E5-8FF2-EFB083192D77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801346" y="15445529"/>
            <a:ext cx="144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TB_00000000000000000000000000000000_ElapsedTime">
            <a:extLst>
              <a:ext uri="{FF2B5EF4-FFF2-40B4-BE49-F238E27FC236}">
                <a16:creationId xmlns:a16="http://schemas.microsoft.com/office/drawing/2014/main" id="{7D975A70-E750-4CA6-8E7B-C502573772C3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1256453" y="5575300"/>
            <a:ext cx="52832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_dd8d04ce43c44b9da33c4564c6ca7507_Header">
            <a:extLst>
              <a:ext uri="{FF2B5EF4-FFF2-40B4-BE49-F238E27FC236}">
                <a16:creationId xmlns:a16="http://schemas.microsoft.com/office/drawing/2014/main" id="{158420F0-6F77-4B73-B4E5-8A9B16F9446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3500" y="15368842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E1E1E"/>
                </a:solidFill>
                <a:latin typeface="Calibri" panose="020F0502020204030204" pitchFamily="34" charset="0"/>
              </a:rPr>
              <a:t>Total Duration</a:t>
            </a:r>
          </a:p>
        </p:txBody>
      </p:sp>
      <p:sp>
        <p:nvSpPr>
          <p:cNvPr id="525" name="OTLSHAPE_SL_8378bf46764344c4be4865fd20b42e3c_Header">
            <a:extLst>
              <a:ext uri="{FF2B5EF4-FFF2-40B4-BE49-F238E27FC236}">
                <a16:creationId xmlns:a16="http://schemas.microsoft.com/office/drawing/2014/main" id="{C1B88FEE-7EB3-4722-8B44-697B58EAA1F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3500" y="6948678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52E3C"/>
                </a:solidFill>
                <a:latin typeface="Calibri" panose="020F0502020204030204" pitchFamily="34" charset="0"/>
              </a:rPr>
              <a:t>Dive into the Research Domain</a:t>
            </a:r>
          </a:p>
        </p:txBody>
      </p:sp>
      <p:sp>
        <p:nvSpPr>
          <p:cNvPr id="558" name="OTLSHAPE_SL_a4b335f9b644455594f1595bc13d6f3c_Header">
            <a:extLst>
              <a:ext uri="{FF2B5EF4-FFF2-40B4-BE49-F238E27FC236}">
                <a16:creationId xmlns:a16="http://schemas.microsoft.com/office/drawing/2014/main" id="{3799CE3B-56ED-465C-AD3A-7EB426AA72A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3500" y="8555144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373E0D"/>
                </a:solidFill>
                <a:latin typeface="Calibri" panose="020F0502020204030204" pitchFamily="34" charset="0"/>
              </a:rPr>
              <a:t>Proposal submission</a:t>
            </a:r>
          </a:p>
        </p:txBody>
      </p:sp>
      <p:sp>
        <p:nvSpPr>
          <p:cNvPr id="561" name="OTLSHAPE_SL_e1e0495615044597a0a343641dda45fd_Header">
            <a:extLst>
              <a:ext uri="{FF2B5EF4-FFF2-40B4-BE49-F238E27FC236}">
                <a16:creationId xmlns:a16="http://schemas.microsoft.com/office/drawing/2014/main" id="{2CDF36F7-F828-4453-B4C3-97E258DFD6E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3500" y="10598827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533200"/>
                </a:solidFill>
                <a:latin typeface="Calibri" panose="020F0502020204030204" pitchFamily="34" charset="0"/>
              </a:rPr>
              <a:t>Research and Experiments</a:t>
            </a:r>
          </a:p>
        </p:txBody>
      </p:sp>
      <p:sp>
        <p:nvSpPr>
          <p:cNvPr id="564" name="OTLSHAPE_SL_607ffede652d4e90bc9e60ed649669d5_Header">
            <a:extLst>
              <a:ext uri="{FF2B5EF4-FFF2-40B4-BE49-F238E27FC236}">
                <a16:creationId xmlns:a16="http://schemas.microsoft.com/office/drawing/2014/main" id="{B05B641C-0B24-477B-96FB-E65BCD511B1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3500" y="12423902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B2B2B"/>
                </a:solidFill>
                <a:latin typeface="Calibri" panose="020F0502020204030204" pitchFamily="34" charset="0"/>
              </a:rPr>
              <a:t>Library design and implementation</a:t>
            </a:r>
          </a:p>
        </p:txBody>
      </p:sp>
      <p:sp>
        <p:nvSpPr>
          <p:cNvPr id="567" name="OTLSHAPE_SL_221ec1d635f3467f89a500178abf0475_Header">
            <a:extLst>
              <a:ext uri="{FF2B5EF4-FFF2-40B4-BE49-F238E27FC236}">
                <a16:creationId xmlns:a16="http://schemas.microsoft.com/office/drawing/2014/main" id="{58B48544-86B0-434D-BDFC-5FA93EE525B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3500" y="13593149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574200"/>
                </a:solidFill>
                <a:latin typeface="Calibri" panose="020F0502020204030204" pitchFamily="34" charset="0"/>
              </a:rPr>
              <a:t>Library Testing and  Reimplementation</a:t>
            </a:r>
          </a:p>
        </p:txBody>
      </p:sp>
      <p:sp>
        <p:nvSpPr>
          <p:cNvPr id="570" name="OTLSHAPE_SL_864c59d8f85c40e1961b1d7f50891090_Header">
            <a:extLst>
              <a:ext uri="{FF2B5EF4-FFF2-40B4-BE49-F238E27FC236}">
                <a16:creationId xmlns:a16="http://schemas.microsoft.com/office/drawing/2014/main" id="{0CE0838C-35D8-49D5-98A4-1AF6022601A1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3500" y="14543787"/>
            <a:ext cx="123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4B1C0C"/>
                </a:solidFill>
                <a:latin typeface="Calibri" panose="020F0502020204030204" pitchFamily="34" charset="0"/>
              </a:rPr>
              <a:t>Completion and Final Report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BAA5789-776B-45AB-B68E-6EC4BFC89D8C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73199" y="5956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8BC1B08-6E0E-4AED-8804-442477E0E91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6347499" y="60833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F499D74-2455-473D-B1B0-43BD8558CDBB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485053" y="56727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104F248-FD65-4469-97DA-C0C345FAE51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2793227" y="56727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CE629BD-E040-4AC7-B08A-97B9F647345D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101402" y="56727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5741A53-508E-43B1-A015-B2F55C1E833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5325177" y="56727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D4A5BDA-3B11-456E-9D89-42D45A70460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633351" y="56727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08EF76C-D29D-4A32-B48A-97066542E26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899326" y="56727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F4631973-454D-4738-8CF8-AB5C82647AB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207500" y="56727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31" name="OTLSHAPE_SLT_bb063b446a114c3dbd2e2e5c8da25aad_StartDate">
            <a:extLst>
              <a:ext uri="{FF2B5EF4-FFF2-40B4-BE49-F238E27FC236}">
                <a16:creationId xmlns:a16="http://schemas.microsoft.com/office/drawing/2014/main" id="{25DEFBB2-D59E-426B-84F5-D90F6F6243F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397994" y="670526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  <p:sp>
        <p:nvSpPr>
          <p:cNvPr id="532" name="OTLSHAPE_SLT_bb063b446a114c3dbd2e2e5c8da25aad_Title">
            <a:extLst>
              <a:ext uri="{FF2B5EF4-FFF2-40B4-BE49-F238E27FC236}">
                <a16:creationId xmlns:a16="http://schemas.microsoft.com/office/drawing/2014/main" id="{DDED1F12-B6B9-4C8B-8D66-910E486EBFF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801346" y="6510655"/>
            <a:ext cx="283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ad and understand the context of the Problem</a:t>
            </a:r>
          </a:p>
        </p:txBody>
      </p:sp>
      <p:sp>
        <p:nvSpPr>
          <p:cNvPr id="533" name="OTLSHAPE_SLT_bb063b446a114c3dbd2e2e5c8da25aad_EndDate">
            <a:extLst>
              <a:ext uri="{FF2B5EF4-FFF2-40B4-BE49-F238E27FC236}">
                <a16:creationId xmlns:a16="http://schemas.microsoft.com/office/drawing/2014/main" id="{109419F5-6DD0-4483-A005-B17943EAC42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2316307" y="670526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42" name="OTLSHAPE_SLT_e18a3447498a4e838a0fbc5986cf598d_StartDate">
            <a:extLst>
              <a:ext uri="{FF2B5EF4-FFF2-40B4-BE49-F238E27FC236}">
                <a16:creationId xmlns:a16="http://schemas.microsoft.com/office/drawing/2014/main" id="{5FE70DBB-ADEA-40AF-991E-C77CBFEED4A8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862185" y="714248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sp>
        <p:nvSpPr>
          <p:cNvPr id="543" name="OTLSHAPE_SLT_e18a3447498a4e838a0fbc5986cf598d_Title">
            <a:extLst>
              <a:ext uri="{FF2B5EF4-FFF2-40B4-BE49-F238E27FC236}">
                <a16:creationId xmlns:a16="http://schemas.microsoft.com/office/drawing/2014/main" id="{9456C84B-CEC1-48CD-A46C-382970FC4B3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2265537" y="6947874"/>
            <a:ext cx="285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 through previous arts and create Bibliography</a:t>
            </a:r>
          </a:p>
        </p:txBody>
      </p:sp>
      <p:sp>
        <p:nvSpPr>
          <p:cNvPr id="544" name="OTLSHAPE_SLT_e18a3447498a4e838a0fbc5986cf598d_EndDate">
            <a:extLst>
              <a:ext uri="{FF2B5EF4-FFF2-40B4-BE49-F238E27FC236}">
                <a16:creationId xmlns:a16="http://schemas.microsoft.com/office/drawing/2014/main" id="{C5A07EAF-313F-4381-B345-DAAB419E794E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2780498" y="714248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550" name="OTLSHAPE_SLT_4ba3082b69fd4dd3b22433b804034d74_StartDate">
            <a:extLst>
              <a:ext uri="{FF2B5EF4-FFF2-40B4-BE49-F238E27FC236}">
                <a16:creationId xmlns:a16="http://schemas.microsoft.com/office/drawing/2014/main" id="{CE44D060-6506-44FA-8F10-C0AFC28309C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2417773" y="757969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551" name="OTLSHAPE_SLT_4ba3082b69fd4dd3b22433b804034d74_EndDate">
            <a:extLst>
              <a:ext uri="{FF2B5EF4-FFF2-40B4-BE49-F238E27FC236}">
                <a16:creationId xmlns:a16="http://schemas.microsoft.com/office/drawing/2014/main" id="{CF0B8170-609F-40A0-8435-A652215770E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101452" y="757969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24</a:t>
            </a:r>
          </a:p>
        </p:txBody>
      </p:sp>
      <p:sp>
        <p:nvSpPr>
          <p:cNvPr id="552" name="OTLSHAPE_SLT_4ba3082b69fd4dd3b22433b804034d74_Title">
            <a:extLst>
              <a:ext uri="{FF2B5EF4-FFF2-40B4-BE49-F238E27FC236}">
                <a16:creationId xmlns:a16="http://schemas.microsoft.com/office/drawing/2014/main" id="{766F3B69-5B5C-4DDF-98C1-5898F6A82F8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2729727" y="7385093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Go deep and Analyze selected previous arts</a:t>
            </a:r>
          </a:p>
        </p:txBody>
      </p:sp>
      <p:sp>
        <p:nvSpPr>
          <p:cNvPr id="577" name="OTLSHAPE_SLT_f17f8eb314004e1eb4f91c50637ea805_Title">
            <a:extLst>
              <a:ext uri="{FF2B5EF4-FFF2-40B4-BE49-F238E27FC236}">
                <a16:creationId xmlns:a16="http://schemas.microsoft.com/office/drawing/2014/main" id="{27ADF8EE-36EE-4712-AC0F-860EBBB5A92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5008482" y="7898511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arrow down and define the Research Problem</a:t>
            </a:r>
          </a:p>
        </p:txBody>
      </p:sp>
      <p:sp>
        <p:nvSpPr>
          <p:cNvPr id="578" name="OTLSHAPE_SLT_f17f8eb314004e1eb4f91c50637ea805_JoinedDate">
            <a:extLst>
              <a:ext uri="{FF2B5EF4-FFF2-40B4-BE49-F238E27FC236}">
                <a16:creationId xmlns:a16="http://schemas.microsoft.com/office/drawing/2014/main" id="{9AF5189A-3FCB-4EB3-9E6E-6CD68B891F7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5143651" y="809311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24 - Feb 25</a:t>
            </a:r>
          </a:p>
        </p:txBody>
      </p:sp>
      <p:sp>
        <p:nvSpPr>
          <p:cNvPr id="593" name="OTLSHAPE_SLT_956bf0c830494a6c83e78c5a7b41f57d_Title">
            <a:extLst>
              <a:ext uri="{FF2B5EF4-FFF2-40B4-BE49-F238E27FC236}">
                <a16:creationId xmlns:a16="http://schemas.microsoft.com/office/drawing/2014/main" id="{438CD33E-472C-4176-A1D6-6438C56433A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5092881" y="8335730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hoose a methodology for the experiment</a:t>
            </a:r>
          </a:p>
        </p:txBody>
      </p:sp>
      <p:sp>
        <p:nvSpPr>
          <p:cNvPr id="594" name="OTLSHAPE_SLT_956bf0c830494a6c83e78c5a7b41f57d_JoinedDate">
            <a:extLst>
              <a:ext uri="{FF2B5EF4-FFF2-40B4-BE49-F238E27FC236}">
                <a16:creationId xmlns:a16="http://schemas.microsoft.com/office/drawing/2014/main" id="{0FE0694A-69CA-481F-A7A5-E1BF1210E11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5228049" y="853033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26 - Feb 27</a:t>
            </a:r>
          </a:p>
        </p:txBody>
      </p:sp>
      <p:sp>
        <p:nvSpPr>
          <p:cNvPr id="601" name="OTLSHAPE_SLT_7bc97d6c6fd04cb89339f6b0e4141bec_Title">
            <a:extLst>
              <a:ext uri="{FF2B5EF4-FFF2-40B4-BE49-F238E27FC236}">
                <a16:creationId xmlns:a16="http://schemas.microsoft.com/office/drawing/2014/main" id="{AAB25AE9-EF21-4C1E-806C-8C4EF7A99B0C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5177279" y="8772948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appropriate measurements for experiment</a:t>
            </a:r>
          </a:p>
        </p:txBody>
      </p:sp>
      <p:sp>
        <p:nvSpPr>
          <p:cNvPr id="602" name="OTLSHAPE_SLT_7bc97d6c6fd04cb89339f6b0e4141bec_JoinedDate">
            <a:extLst>
              <a:ext uri="{FF2B5EF4-FFF2-40B4-BE49-F238E27FC236}">
                <a16:creationId xmlns:a16="http://schemas.microsoft.com/office/drawing/2014/main" id="{3D7D9BC0-78CF-4F06-8A82-98AFA698E4D7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5607842" y="89675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7</a:t>
            </a:r>
          </a:p>
        </p:txBody>
      </p:sp>
      <p:sp>
        <p:nvSpPr>
          <p:cNvPr id="609" name="OTLSHAPE_SLT_ece44dcef1134bd3886aa26a9de231da_Title">
            <a:extLst>
              <a:ext uri="{FF2B5EF4-FFF2-40B4-BE49-F238E27FC236}">
                <a16:creationId xmlns:a16="http://schemas.microsoft.com/office/drawing/2014/main" id="{964C14A7-A339-4E4D-83A5-E176F6C347A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557071" y="9210167"/>
            <a:ext cx="278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posal and Proposal Presentation Preparation</a:t>
            </a:r>
          </a:p>
        </p:txBody>
      </p:sp>
      <p:sp>
        <p:nvSpPr>
          <p:cNvPr id="610" name="OTLSHAPE_SLT_ece44dcef1134bd3886aa26a9de231da_JoinedDate">
            <a:extLst>
              <a:ext uri="{FF2B5EF4-FFF2-40B4-BE49-F238E27FC236}">
                <a16:creationId xmlns:a16="http://schemas.microsoft.com/office/drawing/2014/main" id="{E389B862-C05C-4886-AB5D-30FD936CE3E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6536224" y="940477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8 - Mar 29</a:t>
            </a:r>
          </a:p>
        </p:txBody>
      </p:sp>
      <p:sp>
        <p:nvSpPr>
          <p:cNvPr id="617" name="OTLSHAPE_SLT_3928fb37a49142a3b24c17861a120a60_Title">
            <a:extLst>
              <a:ext uri="{FF2B5EF4-FFF2-40B4-BE49-F238E27FC236}">
                <a16:creationId xmlns:a16="http://schemas.microsoft.com/office/drawing/2014/main" id="{CEEEFC78-A271-49B5-9E2D-F1105F0A910A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6443254" y="972358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tracting features</a:t>
            </a:r>
          </a:p>
        </p:txBody>
      </p:sp>
      <p:sp>
        <p:nvSpPr>
          <p:cNvPr id="618" name="OTLSHAPE_SLT_3928fb37a49142a3b24c17861a120a60_JoinedDate">
            <a:extLst>
              <a:ext uri="{FF2B5EF4-FFF2-40B4-BE49-F238E27FC236}">
                <a16:creationId xmlns:a16="http://schemas.microsoft.com/office/drawing/2014/main" id="{C561CB7B-F2E6-442B-AFC2-1B2C92D8C615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6916016" y="99181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9 - Apr 7</a:t>
            </a:r>
          </a:p>
        </p:txBody>
      </p:sp>
      <p:sp>
        <p:nvSpPr>
          <p:cNvPr id="633" name="OTLSHAPE_SLT_9157b54b85844e3c8b6bd18e4e161db6_Title">
            <a:extLst>
              <a:ext uri="{FF2B5EF4-FFF2-40B4-BE49-F238E27FC236}">
                <a16:creationId xmlns:a16="http://schemas.microsoft.com/office/drawing/2014/main" id="{9A875503-5707-4B3B-99AB-24844CA27F2C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7498233" y="10598023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ioritizing features</a:t>
            </a:r>
          </a:p>
        </p:txBody>
      </p:sp>
      <p:sp>
        <p:nvSpPr>
          <p:cNvPr id="634" name="OTLSHAPE_SLT_9157b54b85844e3c8b6bd18e4e161db6_JoinedDate">
            <a:extLst>
              <a:ext uri="{FF2B5EF4-FFF2-40B4-BE49-F238E27FC236}">
                <a16:creationId xmlns:a16="http://schemas.microsoft.com/office/drawing/2014/main" id="{DACAE0F1-06E6-45B2-8546-48FB4477DC0E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7844398" y="1079263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23 - Apr 29</a:t>
            </a:r>
          </a:p>
        </p:txBody>
      </p:sp>
      <p:sp>
        <p:nvSpPr>
          <p:cNvPr id="649" name="OTLSHAPE_SLT_ff8264a655824069ad66a12fe8613c24_Title">
            <a:extLst>
              <a:ext uri="{FF2B5EF4-FFF2-40B4-BE49-F238E27FC236}">
                <a16:creationId xmlns:a16="http://schemas.microsoft.com/office/drawing/2014/main" id="{DB62033A-23DC-4E9F-9AE3-4880117A4055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793627" y="11035242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roup the features for functions</a:t>
            </a:r>
          </a:p>
        </p:txBody>
      </p:sp>
      <p:sp>
        <p:nvSpPr>
          <p:cNvPr id="650" name="OTLSHAPE_SLT_ff8264a655824069ad66a12fe8613c24_JoinedDate">
            <a:extLst>
              <a:ext uri="{FF2B5EF4-FFF2-40B4-BE49-F238E27FC236}">
                <a16:creationId xmlns:a16="http://schemas.microsoft.com/office/drawing/2014/main" id="{37403E14-89FB-4F28-81C9-97BB9FE499E2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8139792" y="1122984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pr 30 - May 6</a:t>
            </a:r>
          </a:p>
        </p:txBody>
      </p:sp>
      <p:sp>
        <p:nvSpPr>
          <p:cNvPr id="657" name="OTLSHAPE_SLT_0853c77b740542a19371ef960b092235_Title">
            <a:extLst>
              <a:ext uri="{FF2B5EF4-FFF2-40B4-BE49-F238E27FC236}">
                <a16:creationId xmlns:a16="http://schemas.microsoft.com/office/drawing/2014/main" id="{ACA6375E-E656-4851-8020-5CACB3AABF77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9101801" y="11985879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the Library of functions</a:t>
            </a:r>
          </a:p>
        </p:txBody>
      </p:sp>
      <p:sp>
        <p:nvSpPr>
          <p:cNvPr id="658" name="OTLSHAPE_SLT_0853c77b740542a19371ef960b092235_JoinedDate">
            <a:extLst>
              <a:ext uri="{FF2B5EF4-FFF2-40B4-BE49-F238E27FC236}">
                <a16:creationId xmlns:a16="http://schemas.microsoft.com/office/drawing/2014/main" id="{9022F54F-003E-4866-B1EF-122F3DA5D52B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1178132" y="1218048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31 - Jul 17</a:t>
            </a:r>
          </a:p>
        </p:txBody>
      </p:sp>
      <p:sp>
        <p:nvSpPr>
          <p:cNvPr id="665" name="OTLSHAPE_SLT_f51f6717d20540f5992a9314232ca4b7_Title">
            <a:extLst>
              <a:ext uri="{FF2B5EF4-FFF2-40B4-BE49-F238E27FC236}">
                <a16:creationId xmlns:a16="http://schemas.microsoft.com/office/drawing/2014/main" id="{0CF4B100-7545-4CE5-B4DF-3FC97BD57BA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1127361" y="12423098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the Library (mid evaluation)</a:t>
            </a:r>
          </a:p>
        </p:txBody>
      </p:sp>
      <p:sp>
        <p:nvSpPr>
          <p:cNvPr id="666" name="OTLSHAPE_SLT_f51f6717d20540f5992a9314232ca4b7_JoinedDate">
            <a:extLst>
              <a:ext uri="{FF2B5EF4-FFF2-40B4-BE49-F238E27FC236}">
                <a16:creationId xmlns:a16="http://schemas.microsoft.com/office/drawing/2014/main" id="{05B0DDE4-6D2D-4328-828E-37EFA3073CF2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022115" y="1261770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Aug 6</a:t>
            </a:r>
          </a:p>
        </p:txBody>
      </p:sp>
      <p:sp>
        <p:nvSpPr>
          <p:cNvPr id="673" name="OTLSHAPE_SLT_a3b34ec4bb974d679e5a11647827f872_Title">
            <a:extLst>
              <a:ext uri="{FF2B5EF4-FFF2-40B4-BE49-F238E27FC236}">
                <a16:creationId xmlns:a16="http://schemas.microsoft.com/office/drawing/2014/main" id="{0D7C6975-F768-48A5-B0CF-63FE48368E1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4503295" y="13373736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valuate the functions</a:t>
            </a:r>
          </a:p>
        </p:txBody>
      </p:sp>
      <p:sp>
        <p:nvSpPr>
          <p:cNvPr id="674" name="OTLSHAPE_SLT_a3b34ec4bb974d679e5a11647827f872_JoinedDate">
            <a:extLst>
              <a:ext uri="{FF2B5EF4-FFF2-40B4-BE49-F238E27FC236}">
                <a16:creationId xmlns:a16="http://schemas.microsoft.com/office/drawing/2014/main" id="{7A378413-B6A3-488C-96B5-9A62FB3557E4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5018255" y="1356834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6 - Oct 16</a:t>
            </a:r>
          </a:p>
        </p:txBody>
      </p:sp>
      <p:sp>
        <p:nvSpPr>
          <p:cNvPr id="681" name="OTLSHAPE_SLT_abdfa7ca915e4be895ce18cfab27bd5f_Title">
            <a:extLst>
              <a:ext uri="{FF2B5EF4-FFF2-40B4-BE49-F238E27FC236}">
                <a16:creationId xmlns:a16="http://schemas.microsoft.com/office/drawing/2014/main" id="{7829EFBC-10AD-4567-B613-0394F455BEAD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4967485" y="13810954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implementation of the Library</a:t>
            </a:r>
          </a:p>
        </p:txBody>
      </p:sp>
      <p:sp>
        <p:nvSpPr>
          <p:cNvPr id="682" name="OTLSHAPE_SLT_abdfa7ca915e4be895ce18cfab27bd5f_JoinedDate">
            <a:extLst>
              <a:ext uri="{FF2B5EF4-FFF2-40B4-BE49-F238E27FC236}">
                <a16:creationId xmlns:a16="http://schemas.microsoft.com/office/drawing/2014/main" id="{776F85A5-345A-4030-BCFF-00E0F695090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5440247" y="14005561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7 - Oct 26</a:t>
            </a:r>
          </a:p>
        </p:txBody>
      </p:sp>
      <p:sp>
        <p:nvSpPr>
          <p:cNvPr id="688" name="OTLSHAPE_SLT_0061fffd2c1b46a9905bd16958948640_StartDate">
            <a:extLst>
              <a:ext uri="{FF2B5EF4-FFF2-40B4-BE49-F238E27FC236}">
                <a16:creationId xmlns:a16="http://schemas.microsoft.com/office/drawing/2014/main" id="{2EC03265-4930-49AD-B413-C742423DDB34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1689679" y="1451897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689" name="OTLSHAPE_SLT_0061fffd2c1b46a9905bd16958948640_Title">
            <a:extLst>
              <a:ext uri="{FF2B5EF4-FFF2-40B4-BE49-F238E27FC236}">
                <a16:creationId xmlns:a16="http://schemas.microsoft.com/office/drawing/2014/main" id="{5169ECEC-FEE8-4C71-A43A-5296624BCE38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097941" y="14324372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690" name="OTLSHAPE_SLT_0061fffd2c1b46a9905bd16958948640_EndDate">
            <a:extLst>
              <a:ext uri="{FF2B5EF4-FFF2-40B4-BE49-F238E27FC236}">
                <a16:creationId xmlns:a16="http://schemas.microsoft.com/office/drawing/2014/main" id="{CAB90324-927B-4A70-BC10-231124BD6D8D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5440247" y="1451897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6</a:t>
            </a:r>
          </a:p>
        </p:txBody>
      </p:sp>
      <p:sp>
        <p:nvSpPr>
          <p:cNvPr id="696" name="OTLSHAPE_SLT_120f3b399cf0461a8284922406bc925e_StartDate">
            <a:extLst>
              <a:ext uri="{FF2B5EF4-FFF2-40B4-BE49-F238E27FC236}">
                <a16:creationId xmlns:a16="http://schemas.microsoft.com/office/drawing/2014/main" id="{CC83D36E-9125-4B59-9E4A-05A6BA2ED4D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5000856" y="1495619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7</a:t>
            </a:r>
          </a:p>
        </p:txBody>
      </p:sp>
      <p:sp>
        <p:nvSpPr>
          <p:cNvPr id="697" name="OTLSHAPE_SLT_120f3b399cf0461a8284922406bc925e_Title">
            <a:extLst>
              <a:ext uri="{FF2B5EF4-FFF2-40B4-BE49-F238E27FC236}">
                <a16:creationId xmlns:a16="http://schemas.microsoft.com/office/drawing/2014/main" id="{17536E50-E174-4235-88DE-C3297CE09B3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5389476" y="1476159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esentation</a:t>
            </a:r>
          </a:p>
        </p:txBody>
      </p:sp>
      <p:sp>
        <p:nvSpPr>
          <p:cNvPr id="698" name="OTLSHAPE_SLT_120f3b399cf0461a8284922406bc925e_EndDate">
            <a:extLst>
              <a:ext uri="{FF2B5EF4-FFF2-40B4-BE49-F238E27FC236}">
                <a16:creationId xmlns:a16="http://schemas.microsoft.com/office/drawing/2014/main" id="{B5092F01-9152-498E-834E-9B6EB4BDE605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6326430" y="1495619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713" name="OTLSHAPE_SLT_1c597053a5ab4dad90641a6f3b3b2ba0_StartDate">
            <a:extLst>
              <a:ext uri="{FF2B5EF4-FFF2-40B4-BE49-F238E27FC236}">
                <a16:creationId xmlns:a16="http://schemas.microsoft.com/office/drawing/2014/main" id="{326FA24B-4E79-4E4F-B01B-9688A349CFA2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1627471" y="1305492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7</a:t>
            </a:r>
          </a:p>
        </p:txBody>
      </p:sp>
      <p:sp>
        <p:nvSpPr>
          <p:cNvPr id="714" name="OTLSHAPE_SLT_1c597053a5ab4dad90641a6f3b3b2ba0_EndDate">
            <a:extLst>
              <a:ext uri="{FF2B5EF4-FFF2-40B4-BE49-F238E27FC236}">
                <a16:creationId xmlns:a16="http://schemas.microsoft.com/office/drawing/2014/main" id="{0FEB799C-342A-4EA4-8D2C-3C3467A23164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4596264" y="1305492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6</a:t>
            </a:r>
          </a:p>
        </p:txBody>
      </p:sp>
      <p:sp>
        <p:nvSpPr>
          <p:cNvPr id="715" name="OTLSHAPE_SLT_1c597053a5ab4dad90641a6f3b3b2ba0_Title">
            <a:extLst>
              <a:ext uri="{FF2B5EF4-FFF2-40B4-BE49-F238E27FC236}">
                <a16:creationId xmlns:a16="http://schemas.microsoft.com/office/drawing/2014/main" id="{55CC91BB-7666-4A79-B75C-6D849929C515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1971344" y="1286031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the Library (finalevaluation)</a:t>
            </a:r>
          </a:p>
        </p:txBody>
      </p:sp>
      <p:sp>
        <p:nvSpPr>
          <p:cNvPr id="18" name="OTLSHAPE_SLT_56c8a13fca7f4a93bd2f4c42e5dd4627_StartDate">
            <a:extLst>
              <a:ext uri="{FF2B5EF4-FFF2-40B4-BE49-F238E27FC236}">
                <a16:creationId xmlns:a16="http://schemas.microsoft.com/office/drawing/2014/main" id="{ED5C0D97-F8F4-4D6B-96C0-3F3ECC7C3BE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536866" y="1035541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8</a:t>
            </a:r>
          </a:p>
        </p:txBody>
      </p:sp>
      <p:sp>
        <p:nvSpPr>
          <p:cNvPr id="19" name="OTLSHAPE_SLT_56c8a13fca7f4a93bd2f4c42e5dd4627_Title">
            <a:extLst>
              <a:ext uri="{FF2B5EF4-FFF2-40B4-BE49-F238E27FC236}">
                <a16:creationId xmlns:a16="http://schemas.microsoft.com/office/drawing/2014/main" id="{4531A7C1-2849-4CBF-8018-E52375B30963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6865245" y="10160805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valuating impact of the feature</a:t>
            </a:r>
          </a:p>
        </p:txBody>
      </p:sp>
      <p:sp>
        <p:nvSpPr>
          <p:cNvPr id="20" name="OTLSHAPE_SLT_56c8a13fca7f4a93bd2f4c42e5dd4627_EndDate">
            <a:extLst>
              <a:ext uri="{FF2B5EF4-FFF2-40B4-BE49-F238E27FC236}">
                <a16:creationId xmlns:a16="http://schemas.microsoft.com/office/drawing/2014/main" id="{DC096097-E5A2-4580-8D4E-CD423AF76AF8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7549004" y="1035541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2</a:t>
            </a:r>
          </a:p>
        </p:txBody>
      </p:sp>
      <p:sp>
        <p:nvSpPr>
          <p:cNvPr id="29" name="OTLSHAPE_SLT_a279822037864421a197d731fa063948_Title">
            <a:extLst>
              <a:ext uri="{FF2B5EF4-FFF2-40B4-BE49-F238E27FC236}">
                <a16:creationId xmlns:a16="http://schemas.microsoft.com/office/drawing/2014/main" id="{76B139B3-3465-4408-BE03-E403A48D35C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8089021" y="1147246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t the features into classes</a:t>
            </a:r>
          </a:p>
        </p:txBody>
      </p:sp>
      <p:sp>
        <p:nvSpPr>
          <p:cNvPr id="30" name="OTLSHAPE_SLT_a279822037864421a197d731fa063948_JoinedDate">
            <a:extLst>
              <a:ext uri="{FF2B5EF4-FFF2-40B4-BE49-F238E27FC236}">
                <a16:creationId xmlns:a16="http://schemas.microsoft.com/office/drawing/2014/main" id="{31F86789-2EB3-401F-8934-736F49D34CA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9194771" y="1166706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7 - May 31</a:t>
            </a:r>
          </a:p>
        </p:txBody>
      </p:sp>
      <p:sp>
        <p:nvSpPr>
          <p:cNvPr id="32" name="OTLSHAPE_TB_00000000000000000000000000000000_TimescaleInterval8">
            <a:extLst>
              <a:ext uri="{FF2B5EF4-FFF2-40B4-BE49-F238E27FC236}">
                <a16:creationId xmlns:a16="http://schemas.microsoft.com/office/drawing/2014/main" id="{34AED250-5263-41B6-A266-D0D9EF36A5AD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0473475" y="56727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4" name="OTLSHAPE_TB_00000000000000000000000000000000_TimescaleInterval9">
            <a:extLst>
              <a:ext uri="{FF2B5EF4-FFF2-40B4-BE49-F238E27FC236}">
                <a16:creationId xmlns:a16="http://schemas.microsoft.com/office/drawing/2014/main" id="{BD783CA5-A6A4-4222-BEBF-BE16E7FFDBA3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1781649" y="56727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8" name="OTLSHAPE_TB_00000000000000000000000000000000_TimescaleInterval10">
            <a:extLst>
              <a:ext uri="{FF2B5EF4-FFF2-40B4-BE49-F238E27FC236}">
                <a16:creationId xmlns:a16="http://schemas.microsoft.com/office/drawing/2014/main" id="{C53D4641-A709-4E62-87F0-4C4F5AD0BF58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3089823" y="56727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40" name="OTLSHAPE_TB_00000000000000000000000000000000_TimescaleInterval11">
            <a:extLst>
              <a:ext uri="{FF2B5EF4-FFF2-40B4-BE49-F238E27FC236}">
                <a16:creationId xmlns:a16="http://schemas.microsoft.com/office/drawing/2014/main" id="{F0114EE5-D2DB-4249-96A3-DADADD776980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4355798" y="56727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2" name="OTLSHAPE_TB_00000000000000000000000000000000_TimescaleInterval12">
            <a:extLst>
              <a:ext uri="{FF2B5EF4-FFF2-40B4-BE49-F238E27FC236}">
                <a16:creationId xmlns:a16="http://schemas.microsoft.com/office/drawing/2014/main" id="{225EEE53-C08A-4AA0-A91E-3609AB836054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5663973" y="56727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9" name="OTLSHAPE_SLT_8b2ecae8ebdf4f6b986a022a0cda52a7_StartDate">
            <a:extLst>
              <a:ext uri="{FF2B5EF4-FFF2-40B4-BE49-F238E27FC236}">
                <a16:creationId xmlns:a16="http://schemas.microsoft.com/office/drawing/2014/main" id="{2DEE1875-F985-4F3B-9BC0-790CF682BED4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397994" y="1546961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  <p:sp>
        <p:nvSpPr>
          <p:cNvPr id="60" name="OTLSHAPE_SLT_8b2ecae8ebdf4f6b986a022a0cda52a7_Title">
            <a:extLst>
              <a:ext uri="{FF2B5EF4-FFF2-40B4-BE49-F238E27FC236}">
                <a16:creationId xmlns:a16="http://schemas.microsoft.com/office/drawing/2014/main" id="{3EA6AC1C-286C-489D-8E18-BE11C51D1E2C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801346" y="15275010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 -</a:t>
            </a:r>
            <a:endParaRPr lang="en-US" sz="1100" b="1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8b2ecae8ebdf4f6b986a022a0cda52a7_EndDate">
            <a:extLst>
              <a:ext uri="{FF2B5EF4-FFF2-40B4-BE49-F238E27FC236}">
                <a16:creationId xmlns:a16="http://schemas.microsoft.com/office/drawing/2014/main" id="{CBDA0EF4-BDF7-4618-9DED-2299247508B8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6326430" y="1546961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cxnSp>
        <p:nvCxnSpPr>
          <p:cNvPr id="269" name="OTLSHAPE_TB_00000000000000000000000000000000_Separator1">
            <a:extLst>
              <a:ext uri="{FF2B5EF4-FFF2-40B4-BE49-F238E27FC236}">
                <a16:creationId xmlns:a16="http://schemas.microsoft.com/office/drawing/2014/main" id="{84F404D0-0182-4713-8C8F-46FF83C18BB9}"/>
              </a:ext>
            </a:extLst>
          </p:cNvPr>
          <p:cNvCxnSpPr/>
          <p:nvPr>
            <p:custDataLst>
              <p:tags r:id="rId216"/>
            </p:custDataLst>
          </p:nvPr>
        </p:nvCxnSpPr>
        <p:spPr>
          <a:xfrm>
            <a:off x="2729727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Separator2">
            <a:extLst>
              <a:ext uri="{FF2B5EF4-FFF2-40B4-BE49-F238E27FC236}">
                <a16:creationId xmlns:a16="http://schemas.microsoft.com/office/drawing/2014/main" id="{CDD323C2-82F9-46DE-B960-09B7DD0D18E5}"/>
              </a:ext>
            </a:extLst>
          </p:cNvPr>
          <p:cNvCxnSpPr/>
          <p:nvPr>
            <p:custDataLst>
              <p:tags r:id="rId217"/>
            </p:custDataLst>
          </p:nvPr>
        </p:nvCxnSpPr>
        <p:spPr>
          <a:xfrm>
            <a:off x="4037901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Separator3">
            <a:extLst>
              <a:ext uri="{FF2B5EF4-FFF2-40B4-BE49-F238E27FC236}">
                <a16:creationId xmlns:a16="http://schemas.microsoft.com/office/drawing/2014/main" id="{5D743EA8-112B-4B29-AD58-7AF82C7C19CE}"/>
              </a:ext>
            </a:extLst>
          </p:cNvPr>
          <p:cNvCxnSpPr/>
          <p:nvPr>
            <p:custDataLst>
              <p:tags r:id="rId218"/>
            </p:custDataLst>
          </p:nvPr>
        </p:nvCxnSpPr>
        <p:spPr>
          <a:xfrm>
            <a:off x="5261677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Separator4">
            <a:extLst>
              <a:ext uri="{FF2B5EF4-FFF2-40B4-BE49-F238E27FC236}">
                <a16:creationId xmlns:a16="http://schemas.microsoft.com/office/drawing/2014/main" id="{4FC37953-BE74-452F-A5D8-C0D81267756B}"/>
              </a:ext>
            </a:extLst>
          </p:cNvPr>
          <p:cNvCxnSpPr/>
          <p:nvPr>
            <p:custDataLst>
              <p:tags r:id="rId219"/>
            </p:custDataLst>
          </p:nvPr>
        </p:nvCxnSpPr>
        <p:spPr>
          <a:xfrm>
            <a:off x="6569851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Separator5">
            <a:extLst>
              <a:ext uri="{FF2B5EF4-FFF2-40B4-BE49-F238E27FC236}">
                <a16:creationId xmlns:a16="http://schemas.microsoft.com/office/drawing/2014/main" id="{2DC94661-B2E1-45E1-A3C0-C1AD0F9EFD5D}"/>
              </a:ext>
            </a:extLst>
          </p:cNvPr>
          <p:cNvCxnSpPr/>
          <p:nvPr>
            <p:custDataLst>
              <p:tags r:id="rId220"/>
            </p:custDataLst>
          </p:nvPr>
        </p:nvCxnSpPr>
        <p:spPr>
          <a:xfrm>
            <a:off x="7835826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Separator6">
            <a:extLst>
              <a:ext uri="{FF2B5EF4-FFF2-40B4-BE49-F238E27FC236}">
                <a16:creationId xmlns:a16="http://schemas.microsoft.com/office/drawing/2014/main" id="{F29CB9B2-620F-48C4-B77B-5C9F61AB8D87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9144000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7">
            <a:extLst>
              <a:ext uri="{FF2B5EF4-FFF2-40B4-BE49-F238E27FC236}">
                <a16:creationId xmlns:a16="http://schemas.microsoft.com/office/drawing/2014/main" id="{64C40F73-3A3A-448D-B710-73EF5E5ADAEA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10409975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8">
            <a:extLst>
              <a:ext uri="{FF2B5EF4-FFF2-40B4-BE49-F238E27FC236}">
                <a16:creationId xmlns:a16="http://schemas.microsoft.com/office/drawing/2014/main" id="{8D76DDF4-F87C-42F8-BFD2-63064206AB54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11718149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9">
            <a:extLst>
              <a:ext uri="{FF2B5EF4-FFF2-40B4-BE49-F238E27FC236}">
                <a16:creationId xmlns:a16="http://schemas.microsoft.com/office/drawing/2014/main" id="{2D01B711-FEE4-4F71-ADEC-C7612DAAE3E4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13026323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10">
            <a:extLst>
              <a:ext uri="{FF2B5EF4-FFF2-40B4-BE49-F238E27FC236}">
                <a16:creationId xmlns:a16="http://schemas.microsoft.com/office/drawing/2014/main" id="{D45B92FE-ACD8-40CB-B281-85AE085E9154}"/>
              </a:ext>
            </a:extLst>
          </p:cNvPr>
          <p:cNvCxnSpPr/>
          <p:nvPr>
            <p:custDataLst>
              <p:tags r:id="rId225"/>
            </p:custDataLst>
          </p:nvPr>
        </p:nvCxnSpPr>
        <p:spPr>
          <a:xfrm>
            <a:off x="14292298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11">
            <a:extLst>
              <a:ext uri="{FF2B5EF4-FFF2-40B4-BE49-F238E27FC236}">
                <a16:creationId xmlns:a16="http://schemas.microsoft.com/office/drawing/2014/main" id="{E79F8C0D-F56F-4242-B360-0321A5F5ABCB}"/>
              </a:ext>
            </a:extLst>
          </p:cNvPr>
          <p:cNvCxnSpPr/>
          <p:nvPr>
            <p:custDataLst>
              <p:tags r:id="rId226"/>
            </p:custDataLst>
          </p:nvPr>
        </p:nvCxnSpPr>
        <p:spPr>
          <a:xfrm>
            <a:off x="15600471" y="56388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4" name="OTLSHAPE_M_bb1b2ca9d7d841c5a5dfac0ce4fd65d7_Shape">
            <a:extLst>
              <a:ext uri="{FF2B5EF4-FFF2-40B4-BE49-F238E27FC236}">
                <a16:creationId xmlns:a16="http://schemas.microsoft.com/office/drawing/2014/main" id="{5AB2BBCF-F56C-4B21-9FF8-7DFE04F32490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12003065" y="5126778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" name="OTLSHAPE_M_e825d5e10b6943ce90b3651c4a20ddbb_Shape">
            <a:extLst>
              <a:ext uri="{FF2B5EF4-FFF2-40B4-BE49-F238E27FC236}">
                <a16:creationId xmlns:a16="http://schemas.microsoft.com/office/drawing/2014/main" id="{E07AAD30-0785-415B-8DEB-34FB3D9250FB}"/>
              </a:ext>
            </a:extLst>
          </p:cNvPr>
          <p:cNvSpPr/>
          <p:nvPr>
            <p:custDataLst>
              <p:tags r:id="rId228"/>
            </p:custDataLst>
          </p:nvPr>
        </p:nvSpPr>
        <p:spPr>
          <a:xfrm>
            <a:off x="15421197" y="4661535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" name="OTLSHAPE_M_ba16959aeff14b13af9802a714c1769b_Shape">
            <a:extLst>
              <a:ext uri="{FF2B5EF4-FFF2-40B4-BE49-F238E27FC236}">
                <a16:creationId xmlns:a16="http://schemas.microsoft.com/office/drawing/2014/main" id="{E94452F2-5B4F-4C77-A166-B21959003975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 rot="5400000">
            <a:off x="16078780" y="51267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" name="OTLSHAPE_M_259bf2dbe9b9496689e089de25b2d94c_Shape">
            <a:extLst>
              <a:ext uri="{FF2B5EF4-FFF2-40B4-BE49-F238E27FC236}">
                <a16:creationId xmlns:a16="http://schemas.microsoft.com/office/drawing/2014/main" id="{FCDC19F9-942D-44DD-889D-9E8482D456C0}"/>
              </a:ext>
            </a:extLst>
          </p:cNvPr>
          <p:cNvSpPr/>
          <p:nvPr>
            <p:custDataLst>
              <p:tags r:id="rId230"/>
            </p:custDataLst>
          </p:nvPr>
        </p:nvSpPr>
        <p:spPr>
          <a:xfrm rot="16200000">
            <a:off x="1875266" y="51267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bb1b2ca9d7d841c5a5dfac0ce4fd65d7_Title">
            <a:extLst>
              <a:ext uri="{FF2B5EF4-FFF2-40B4-BE49-F238E27FC236}">
                <a16:creationId xmlns:a16="http://schemas.microsoft.com/office/drawing/2014/main" id="{1952F13F-B66E-486E-8FAD-BB42E1CDC0AD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199915" y="500845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d Evaluation</a:t>
            </a:r>
          </a:p>
        </p:txBody>
      </p:sp>
      <p:sp>
        <p:nvSpPr>
          <p:cNvPr id="37" name="OTLSHAPE_M_bb1b2ca9d7d841c5a5dfac0ce4fd65d7_Date">
            <a:extLst>
              <a:ext uri="{FF2B5EF4-FFF2-40B4-BE49-F238E27FC236}">
                <a16:creationId xmlns:a16="http://schemas.microsoft.com/office/drawing/2014/main" id="{76F18480-B35A-45DF-9EAD-D7F01B342581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199915" y="52043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45" name="OTLSHAPE_M_e825d5e10b6943ce90b3651c4a20ddbb_Title">
            <a:extLst>
              <a:ext uri="{FF2B5EF4-FFF2-40B4-BE49-F238E27FC236}">
                <a16:creationId xmlns:a16="http://schemas.microsoft.com/office/drawing/2014/main" id="{FA67685E-68CA-48B6-82F2-8E082B55F894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5618047" y="454321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inal Evaluation</a:t>
            </a:r>
          </a:p>
        </p:txBody>
      </p:sp>
      <p:sp>
        <p:nvSpPr>
          <p:cNvPr id="46" name="OTLSHAPE_M_e825d5e10b6943ce90b3651c4a20ddbb_Date">
            <a:extLst>
              <a:ext uri="{FF2B5EF4-FFF2-40B4-BE49-F238E27FC236}">
                <a16:creationId xmlns:a16="http://schemas.microsoft.com/office/drawing/2014/main" id="{ED897130-9AB3-495A-9250-BEC158F19F29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5618047" y="473913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6</a:t>
            </a:r>
          </a:p>
        </p:txBody>
      </p:sp>
      <p:sp>
        <p:nvSpPr>
          <p:cNvPr id="48" name="OTLSHAPE_M_ba16959aeff14b13af9802a714c1769b_Title">
            <a:extLst>
              <a:ext uri="{FF2B5EF4-FFF2-40B4-BE49-F238E27FC236}">
                <a16:creationId xmlns:a16="http://schemas.microsoft.com/office/drawing/2014/main" id="{FC4D9F90-C3A3-4AA8-A9B3-5F03FC78A666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5589152" y="50084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49" name="OTLSHAPE_M_ba16959aeff14b13af9802a714c1769b_Date">
            <a:extLst>
              <a:ext uri="{FF2B5EF4-FFF2-40B4-BE49-F238E27FC236}">
                <a16:creationId xmlns:a16="http://schemas.microsoft.com/office/drawing/2014/main" id="{2F1CE42B-61D8-48D0-A739-F2A115E12A6A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5677417" y="52043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553" name="OTLSHAPE_M_259bf2dbe9b9496689e089de25b2d94c_Title">
            <a:extLst>
              <a:ext uri="{FF2B5EF4-FFF2-40B4-BE49-F238E27FC236}">
                <a16:creationId xmlns:a16="http://schemas.microsoft.com/office/drawing/2014/main" id="{8BD955BD-6B31-4864-B1F0-F200ADB299C1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2072116" y="50084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554" name="OTLSHAPE_M_259bf2dbe9b9496689e089de25b2d94c_Date">
            <a:extLst>
              <a:ext uri="{FF2B5EF4-FFF2-40B4-BE49-F238E27FC236}">
                <a16:creationId xmlns:a16="http://schemas.microsoft.com/office/drawing/2014/main" id="{3DE7C9A5-3B08-4969-9F85-DB8B97F7410D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2072116" y="52043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925002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pudWxsLCJFZGl0aW9uIjoiUHJvIiwiSXNQbHVzRWRpdGlvbiI6dHJ1ZSwiSXNQcm9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M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z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zLCJBYnNvbHV0ZVBvc2l0aW9uIjo0Mzk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E0ND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NzgiLCJDb2xvciI6eyIkaWQiOiIxNzkiLCJBIjowLCJSIjoyNTUsIkciOjI1NSwiQiI6MjU1fX0sIklzVmlzaWJsZSI6dHJ1ZSwiV2lkdGgiOjAuMCwiSGVpZ2h0IjowLjAsIkJvcmRlclN0eWxlIjp7IiRpZCI6IjE4MCIsIkxpbmVDb2xvciI6bnVsbCwiTGluZVdlaWdodCI6MC4wLCJMaW5lVHlwZSI6MCwiUGFyZW50U3R5bGUiOm51bGx9LCJQYXJlbnRTdHlsZSI6bnVsbH0sIkRhdGV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UaXRsZVN0eWxlIjp7IiRpZCI6IjIwMSIsIkZvbnRTZXR0aW5ncyI6eyIkaWQiOiIyMDIiLCJGb250U2l6ZSI6MTEsIkZvbnROYW1lIjoiQ2FsaWJyaSIsIklzQm9sZCI6dHJ1ZSwiSXNJdGFsaWMiOmZhbHNlLCJJc1VuZGVybGluZWQiOmZhbHNlLCJQYXJlbnRTdHlsZSI6bnVsbH0sIkF1dG9TaXplIjowLCJGb3JlZ3JvdW5kIjp7IiRpZCI6IjIwMyIsIkNvbG9yIjp7IiRpZCI6IjIw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DUiLCJDb2xvciI6eyIkaWQiOiIyMDYiLCJBIjowLCJSIjoyNTUsIkciOjI1NSwiQiI6MjU1fX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GlkIjoiMjEwIiwiQ29sb3IiOnsiJGlkIjoiMj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GlkIjoiMjI5IiwiQ29sb3IiOnsiJGlkIjoiMj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Q2IiwiTWFyZ2luIjp7IiRyZWYiOiI2MCJ9LCJQYWRkaW5nIjp7IiRyZWYiOiI2MSJ9LCJCYWNrZ3JvdW5kIjp7IiRpZCI6IjI0NyIsIkNvbG9yIjp7IiRpZCI6IjI0OCIsIkEiOjI1NSwiUiI6MjM0LCJHIjoyMiwiQiI6MzB9fSwiSXNWaXNpYmxlIjp0cnVlLCJXaWR0aCI6MTMuMCwiSGVpZ2h0IjoxMy4wLCJCb3JkZXJTdHlsZSI6eyIkaWQiOiIyNDkiLCJMaW5lQ29sb3IiOm51bGw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pZCI6IjI1MiIsIkNvbG9yIjp7IiRpZCI6IjI1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wLCJGb250TmFtZSI6IkNhbGlicmkiLCJJc0JvbGQiOmZhbHNlLCJJc0l0YWxpYyI6ZmFsc2UsIklzVW5kZXJsaW5lZCI6ZmFsc2UsIlBhcmVudFN0eWxlIjpudWxsfSwiQXV0b1NpemUiOjAsIkZvcmVncm91bmQiOnsiJGlkIjoiMjU5IiwiQ29sb3IiOnsiJGlkIjoiMj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jcyIiwiTWFyZ2luIjp7IiRyZWYiOiIxNDMifSwiUGFkZGluZyI6eyIkcmVmIjoiMTQ0In0sIkJhY2tncm91bmQiOnsiJGlkIjoiMjczIiwiQ29sb3IiOnsiJGlkIjoiMjc0IiwiQSI6MTI3LCJSIjo2NSwiRyI6MTM4LCJCIjoxNzl9fSwiSXNWaXNpYmxlIjpmYWxzZSwiV2lkdGgiOjAuMCwiSGVpZ2h0IjowLjAsIkJvcmRlclN0eWxlIjp7IiRpZCI6IjI3NSIsIkxpbmVDb2xvciI6eyIkaWQiOiIyNzYiLCIkdHlwZSI6Ik5MUkUuQ29tbW9uLkRvbS5Tb2xpZENvbG9yQnJ1c2gsIE5MUkUuQ29tbW9uIiwiQ29sb3IiOnsiJGlkIjoiMjc3IiwiQSI6MjU1LCJSIjoyMSwiRyI6NDYsIkIiOjYw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I3OCIsIk1hcmdpbiI6eyIkcmVmIjoiMTUzIn0sIlBhZGRpbmciOnsiJHJlZiI6IjE1NCJ9LCJCYWNrZ3JvdW5kIjp7IiRpZCI6IjI3OSIsIkNvbG9yIjp7IiRpZCI6IjI4MCIsIkEiOjM4LCJSIjo2NSwiRyI6MTM4LCJCIjoxNzl9fSwiSXNWaXNpYmxlIjp0cnVlLCJXaWR0aCI6MC4wLCJIZWlnaHQiOjAuMCwiQm9yZGVyU3R5bGUiOnsiJGlkIjoiMjgxIiwiTGluZUNvbG9yIjp7IiRpZCI6IjI4MiIsIiR0eXBlIjoiTkxSRS5Db21tb24uRG9tLlNvbGlkQ29sb3JCcnVzaCwgTkxSRS5Db21tb24iLCJDb2xvciI6eyIkaWQiOiIyODMiLCJBIjoyNTUsIlIiOjIxLCJHIjo0NiwiQiI6NjB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jg0IiwiX2F0dGFjaGVkTWlsZXN0b25lcyI6W10sIlRhc2tEZWZpbml0aW9uIjp7IiRpZCI6IjI4NSIsIkdyb3VwTmFtZSI6bnVsbCwiU3RhcnREYXRlIjoiMjAxOS0xMi0xMFQwMDowMDowMFoiLCJFbmREYXRlIjoiMjAxOS0xMi0yMFQyMzo1OTowMFoiLCJQZXJjZW50YWdlQ29tcGxldGUiOm51bGwsIlN0eWxlIjp7IiRpZCI6IjI4NiIsIlNoYXBlIjoyLCJTaGFwZVRoaWNrbmVzcyI6MS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GlkIjoiMjg5IiwiQ29sb3IiOnsiJGlkIjoiM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A2IiwiTWFyZ2luIjp7IiRyZWYiOiIxMDQifSwiUGFkZGluZyI6eyIkcmVmIjoiMTA1In0sIkJhY2tncm91bmQiOnsiJGlkIjoiMzA3IiwiQ29sb3IiOnsiJGlkIjoiMzA4IiwiQSI6MjU1LCJSIjowLCJHIjoxMTQsIkIiOjE4OH19LCJJc1Zpc2libGUiOnRydWUsIldpZHRoIjowLjAsIkhlaWdodCI6MTYuMCwiQm9yZGVyU3R5bGUiOnsiJGlkIjoiMzA5IiwiTGluZUNvbG9yIjp7IiRpZCI6IjMxMCIsIiR0eXBlIjoiTkxSRS5Db21tb24uRG9tLlNvbGlkQ29sb3JCcnVzaCwgTkxSRS5Db21tb24iLCJDb2xvciI6eyIkaWQiOiIzMTEiLCJBIjoyNTUsIlIiOjI1NSwiRyI6MCwiQiI6MH1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aWQiOiIzMTU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zMTYiLCJDb2xvciI6eyIkaWQiOiIzMTciLCJBIjowLCJSIjoyNTUsIkciOjI1NSwiQiI6MjU1fX0sIklzVmlzaWJsZSI6dHJ1ZSwiV2lkdGgiOjAuMCwiSGVpZ2h0IjowLjAsIkJvcmRlclN0eWxlIjp7IiRpZCI6IjMxOCIsIkxpbmVDb2xvciI6bnVsbCwiTGluZVdlaWdodCI6MC4wLCJMaW5lVHlwZSI6MCwiUGFyZW50U3R5bGUiOm51bGx9LCJQYXJlbnRTdHlsZSI6bnVsbH0sIkRhdGV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yMyIsIkNvbG9yIjp7IiRpZCI6IjMyNCIsIkEiOjAsIlIiOjI1NSwiRyI6MjU1LCJCIjoyNTV9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m51bGx9LCJBdXRvU2l6ZSI6MCwiRm9yZWdyb3VuZCI6eyIkaWQiOiIzMzMiLCJDb2xvciI6eyIkaWQiOiIz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TAiLCJNYXJnaW4iOnsiJHJlZiI6IjEwNCJ9LCJQYWRkaW5nIjp7IiRyZWYiOiIxMDUifSwiQmFja2dyb3VuZCI6eyIkaWQiOiIzNTEiLCJDb2xvciI6eyIkaWQiOiIzNTIiLCJBIjoyNTUsIlIiOjAsIkciOjExNCwiQiI6MTg4fX0sIklzVmlzaWJsZSI6dHJ1ZSwiV2lkdGgiOjAuMCwiSGVpZ2h0IjoxNi4wLCJCb3JkZXJTdHlsZSI6eyIkaWQiOiIzNTMiLCJMaW5lQ29sb3IiOnsiJGlkIjoiMzU0IiwiJHR5cGUiOiJOTFJFLkNvbW1vbi5Eb20uU29saWRDb2xvckJydXNoLCBOTFJFLkNvbW1vbiIsIkNvbG9yIjp7IiRpZCI6IjM1NSIsIkEiOjI1NSwiUiI6MjU1LCJHIjowLCJCIjowfX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pZCI6IjM1OCIsIkNvbG9yIjp7IiRpZCI6IjM1O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Mzc4IiwiQ29sb3IiOnsiJGlkIjoiMzc5IiwiQSI6ODksIlIiOjAsIkciOjAsIkIiOjB9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kzIiwiTWFyZ2luIjp7IiRyZWYiOiIxMDQifSwiUGFkZGluZyI6eyIkcmVmIjoiMTA1In0sIkJhY2tncm91bmQiOnsiJGlkIjoiMzk0IiwiQ29sb3IiOnsiJGlkIjoiMzk1IiwiQSI6MjU1LCJSIjowLCJHIjoxMTQsIkIiOjE4OH19LCJJc1Zpc2libGUiOnRydWUsIldpZHRoIjowLjAsIkhlaWdodCI6MTY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udWxsfSwiVGl0bGVTdHlsZSI6eyIkaWQiOiIzOTkiLCJGb250U2V0dGluZ3MiOnsiJGlkIjoiNDAwIiwiRm9udFNpemUiOjExLCJGb250TmFtZSI6IkNhbGlicmkiLCJJc0JvbGQiOnRydWUsIklzSXRhbGljIjpmYWxzZSwiSXNVbmRlcmxpbmVkIjpmYWxzZSwiUGFyZW50U3R5bGUiOm51bGx9LCJBdXRvU2l6ZSI6MCwiRm9yZWdyb3VuZCI6eyIkaWQiOiI0MDEiLCJDb2xvciI6eyIkaWQiOiI0MDI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0MDMiLCJDb2xvciI6eyIkaWQiOiI0MDQiLCJBIjowLCJSIjoyNTUsIkciOjI1NSwiQiI6MjU1fX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QyMSIsIk1hcmdpbiI6eyIkcmVmIjoiMTQzIn0sIlBhZGRpbmciOnsiJHJlZiI6IjE0NCJ9LCJCYWNrZ3JvdW5kIjp7IiRpZCI6IjQyMiIsIkNvbG9yIjp7IiRpZCI6IjQyMyIsIkEiOjEyNywiUiI6MTY2LCJHIjoxODMsIkIiOjM5fX0sIklzVmlzaWJsZSI6ZmFsc2UsIldpZHRoIjowLjAsIkhlaWdodCI6MC4wLCJCb3JkZXJTdHlsZSI6eyIkaWQiOiI0MjQiLCJMaW5lQ29sb3IiOnsiJGlkIjoiNDI1IiwiJHR5cGUiOiJOTFJFLkNvbW1vbi5Eb20uU29saWRDb2xvckJydXNoLCBOTFJFLkNvbW1vbiIsIkNvbG9yIjp7IiRpZCI6IjQyNiIsIkEiOjI1NSwiUiI6NTUsIkciOjYyLCJCIjoxM3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0MjciLCJNYXJnaW4iOnsiJHJlZiI6IjE1MyJ9LCJQYWRkaW5nIjp7IiRyZWYiOiIxNTQifSwiQmFja2dyb3VuZCI6eyIkaWQiOiI0MjgiLCJDb2xvciI6eyIkaWQiOiI0MjkiLCJBIjozOCwiUiI6MTY2LCJHIjoxODMsIkIiOjM5fX0sIklzVmlzaWJsZSI6dHJ1ZSwiV2lkdGgiOjAuMCwiSGVpZ2h0IjowLjAsIkJvcmRlclN0eWxlIjp7IiRpZCI6IjQzMCIsIkxpbmVDb2xvciI6eyIkaWQiOiI0MzEiLCIkdHlwZSI6Ik5MUkUuQ29tbW9uLkRvbS5Tb2xpZENvbG9yQnJ1c2gsIE5MUkUuQ29tbW9uIiwiQ29sb3IiOnsiJGlkIjoiNDMyIiwiQSI6MjU1LCJSIjo1NSwiRyI6NjIsIkIiOjEz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QzMyIsIl9hdHRhY2hlZE1pbGVzdG9uZXMiOltdLCJUYXNrRGVmaW5pdGlvbiI6eyIkaWQiOiI0MzQiLCJHcm91cE5hbWUiOm51bGwsIlN0YXJ0RGF0ZSI6IjIwMjAtMDItMjRUMDA6MDA6MDBaIiwiRW5kRGF0ZSI6IjIwMjAtMDItMjVUMjM6NTk6MDBaIiwiUGVyY2VudGFnZUNvbXBsZXRlIjpudWxsLCJTdHlsZSI6eyIkaWQiOiI0MzUiLCJTaGFwZSI6MiwiU2hhcGVUaGlja25lc3MiOjEsIkR1cmF0aW9uRm9ybWF0IjowLCJJbmNsdWRlTm9uV29ya2luZ0RheXNJbkR1cmF0aW9uIjpmYWxzZSwiUGVyY2VudGFnZUNvbXBsZ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pZCI6IjQ0MCIsIkNvbG9yIjp7IiRpZCI6IjQ0MSIsIkEiOjg5LCJSIjowLCJHIjowLCJCIjow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Q0NyIsIkNvbG9yIjp7IiRyZWYiOiI0NDEifX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GlkIjoiNDUwIiwiJHR5cGUiOiJOTFJFLkNvbW1vbi5Eb20uU29saWRDb2xvckJydXNoLCBOTFJFLkNvbW1vbiIsIkNvbG9yIjp7IiRpZCI6IjQ1MSIsIkEiOjI1NSwiUiI6MjA0LCJHIjoyMDQsIkIiOjIwNH19LCJMaW5lV2VpZ2h0IjoxLjAsIkxpbmVUeXBlIjowLCJQYXJlbnRTdHlsZSI6bnVsbH0sIlZlcnRpY2FsQ29ubmVjdG9yU3R5bGUiOnsiJGlkIjoiNDUyIiwiTGluZUNvbG9yIjp7IiRpZCI6IjQ1MyIsIiR0eXBlIjoiTkxSRS5Db21tb24uRG9tLlNvbGlkQ29sb3JCcnVzaCwgTkxSRS5Db21tb24iLCJDb2xvciI6eyIkaWQiOiI0NTQ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NSwiSXNCZWxvd1RpbWViYW5kIjp0cnVlLCJQZXJjZW50YWdlQ29tcGxldGVTaGFwZU9wYWNpdHkiOjM1LCJTaGFwZVN0eWxlIjp7IiRpZCI6IjQ1NSIsIk1hcmdpbiI6eyIkcmVmIjoiMTA0In0sIlBhZGRpbmciOnsiJHJlZiI6IjEwNSJ9LCJCYWNrZ3JvdW5kIjp7IiRpZCI6IjQ1NiIsIkNvbG9yIjp7IiRpZCI6IjQ1NyIsIkEiOjI1NSwiUiI6MCwiRyI6MTE0LCJCIjoxODh9fSwiSXNWaXNpYmxlIjp0cnVlLCJXaWR0aCI6MC4wLCJIZWlnaHQiOjE2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SwiRm9udE5hbWUiOiJDYWxpYnJpIiwiSXNCb2xkIjp0cnVlLCJJc0l0YWxpYyI6ZmFsc2UsIklzVW5kZXJsaW5lZCI6ZmFsc2UsIlBhcmVudFN0eWxlIjpudWxsfSwiQXV0b1NpemUiOjAsIkZvcmVncm91bmQiOnsiJGlkIjoiNDYzIiwiQ29sb3IiOnsiJGlkIjoiNDY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NDkwIiwiQ29sb3IiOnsiJHJlZiI6IjQ4NCJ9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aWQiOiI0OTMiLCIkdHlwZSI6Ik5MUkUuQ29tbW9uLkRvbS5Tb2xpZENvbG9yQnJ1c2gsIE5MUkUuQ29tbW9uIiwiQ29sb3IiOnsiJGlkIjoiNDk0IiwiQSI6MjU1LCJSIjoyMDQsIkciOjIwNCwiQiI6MjA0fX0sIkxpbmVXZWlnaHQiOjEuMCwiTGluZVR5cGUiOjAsIlBhcmVudFN0eWxlIjpudWxsfSwiVmVydGljYWxDb25uZWN0b3JTdHlsZSI6eyIkaWQiOiI0OTUiLCJMaW5lQ29sb3IiOnsiJGlkIjoiNDk2IiwiJHR5cGUiOiJOTFJFLkNvbW1vbi5Eb20uU29saWRDb2xvckJydXNoLCBOTFJFLkNvbW1vbiIsIkNvbG9yIjp7IiRpZCI6IjQ5NyIsIkEiOjI1NSwiUiI6MjA0LCJHIjoyMDQsIkIiOjIwNH1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1MDgiLCJDb2xvciI6eyIkaWQiOiI1MDkiLCJBIjowLCJSIjoyNTUsIkciOjI1NSwiQiI6MjU1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U1MSIsIkNvbG9yIjp7IiRpZCI6IjU1MiIsIkEiOjAsIlIiOjI1NSwiRyI6MjU1LCJCIjoyNTV9fSwiSXNWaXNpYmxlIjp0cnVlLCJXaWR0aCI6MC4wLCJIZWlnaHQiOjAuMCwiQm9yZGVyU3R5bGUiOnsiJGlkIjoiNTUzIiwiTGluZUNvbG9yIjpudWxsLCJMaW5lV2VpZ2h0IjowLjAsIkxpbmVUeXBlIjowLCJQYXJlbnRTdHlsZSI6bnVsbH0sIlBhcmVudFN0eWxlIjpudWxsfSwiRGF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YxMiIsIk1hcmdpbiI6eyIkcmVmIjoiMTQzIn0sIlBhZGRpbmciOnsiJHJlZiI6IjE0NCJ9LCJCYWNrZ3JvdW5kIjp7IiRpZCI6IjYxMyIsIkNvbG9yIjp7IiRpZCI6IjYxNCIsIkEiOjEyNywiUiI6MjQ2LCJHIjoxNDYsIkIiOjB9fSwiSXNWaXNpYmxlIjpmYWxzZSwiV2lkdGgiOjAuMCwiSGVpZ2h0IjowLjAsIkJvcmRlclN0eWxlIjp7IiRpZCI6IjYxNSIsIkxpbmVDb2xvciI6eyIkaWQiOiI2MTYiLCIkdHlwZSI6Ik5MUkUuQ29tbW9uLkRvbS5Tb2xpZENvbG9yQnJ1c2gsIE5MUkUuQ29tbW9uIiwiQ29sb3IiOnsiJGlkIjoiNjE3IiwiQSI6MjU1LCJSIjo4MywiRyI6NTAsIkIiOjB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jE4IiwiTWFyZ2luIjp7IiRyZWYiOiIxNTMifSwiUGFkZGluZyI6eyIkcmVmIjoiMTU0In0sIkJhY2tncm91bmQiOnsiJGlkIjoiNjE5IiwiQ29sb3IiOnsiJGlkIjoiNjIwIiwiQSI6MzgsIlIiOjI0NiwiRyI6MTQ2LCJCIjowfX0sIklzVmlzaWJsZSI6dHJ1ZSwiV2lkdGgiOjAuMCwiSGVpZ2h0IjowLjAsIkJvcmRlclN0eWxlIjp7IiRpZCI6IjYyMSIsIkxpbmVDb2xvciI6eyIkaWQiOiI2MjIiLCIkdHlwZSI6Ik5MUkUuQ29tbW9uLkRvbS5Tb2xpZENvbG9yQnJ1c2gsIE5MUkUuQ29tbW9uIiwiQ29sb3IiOnsiJGlkIjoiNjIzIiwiQSI6MjU1LCJSIjo4MywiRyI6NTAsIkIiOjB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NjMxIiwiQ29sb3IiOnsiJGlkIjoiNjMyIiwiQSI6ODksIlIiOjAsIkciOjAsIkIiOjB9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GlkIjoiNjM2IiwiQ29sb3IiOnsiJGlkIjoiNj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aWQiOiI2NTU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3NSIsIkxpbmVDb2xvciI6bnVsbCwiTGluZVdlaWdodCI6MC4wLCJMaW5lVHlwZSI6MCwiUGFyZW50U3R5bGUiOm51bGx9LCJQYXJlbnRTdHlsZSI6bnVsbH0sIkhvcml6b250YWxDb25uZWN0b3JTdHlsZSI6eyIkaWQiOiI2NzYiLCJMaW5lQ29sb3IiOnsiJHJlZiI6Ijk4In0sIkxpbmVXZWlnaHQiOjEuMCwiTGluZVR5cGUiOjAsIlBhcmVudFN0eWxlIjpudWxsfSwiVmVydGljYWxDb25uZWN0b3JTdHlsZSI6eyIkaWQiOiI2NzciLCJMaW5lQ29sb3IiOnsiJHJlZiI6IjEwMS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Njc4IiwiTWFyZ2luIjp7IiRyZWYiOiIxMDQifSwiUGFkZGluZyI6eyIkcmVmIjoiMTA1In0sIkJhY2tncm91bmQiOnsiJGlkIjoiNjc5IiwiQ29sb3IiOnsiJGlkIjoiNjgwIiwiQSI6MjU1LCJSIjowLCJHIjoxMTQsIkIiOjE4OH19LCJJc1Zpc2libGUiOnRydWUsIldpZHRoIjowLjAsIkhlaWdodCI6MTY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udWxsfSwiVGl0bGVTdHlsZSI6eyIkaWQiOiI2ODQiLCJGb250U2V0dGluZ3MiOnsiJGlkIjoiNjg1IiwiRm9udFNpemUiOjExLCJGb250TmFtZSI6IkNhbGlicmkiLCJJc0JvbGQiOnRydWUsIklzSXRhbGljIjpmYWxzZSwiSXNVbmRlcmxpbmVkIjpmYWxzZSwiUGFyZW50U3R5bGUiOm51bGx9LCJBdXRvU2l6ZSI6MCwiRm9yZWdyb3VuZCI6eyIkaWQiOiI2ODYiLCJDb2xvciI6eyIkaWQiOiI2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MTAsIkZvbnROYW1lIjoiQ2FsaWJyaSIsIklzQm9sZCI6ZmFsc2UsIklzSXRhbGljIjpmYWxzZSwiSXNVbmRlcmxpbmVkIjpmYWxzZSwiUGFyZW50U3R5bGUiOm51bGx9LCJBdXRvU2l6ZSI6MCwiRm9yZWdyb3VuZCI6eyIkaWQiOiI3MzciLCJDb2xvciI6eyIkaWQiOiI3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Nzc1IiwiQ29sb3IiOnsiJGlkIjoiNzc2IiwiQSI6MCwiUiI6MjU1LCJHIjoyNTUsIkIiOjI1NX1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ODI1IiwiQ29sb3IiOnsiJGlkIjoiODI2IiwiQSI6MCwiUiI6MjU1LCJHIjoyNTUsIkIiOjI1NX19LCJJc1Zpc2libGUiOnRydWUsIldpZHRoIjowLjAsIkhlaWdodCI6MC4wLCJCb3JkZXJTdHlsZSI6eyIkaWQiOiI4MjciLCJMaW5lQ29sb3IiOm51bGwsIkxpbmVXZWlnaHQiOjAuMCwiTGluZVR5cGUiOjAsIlBhcmVudFN0eWxlIjpudWxsfSwiUGFyZW50U3R5bGUiOm51bGx9LCJEYXRlRm9ybWF0Ijp7IiRpZCI6Ijg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ODM3IiwiTWFyZ2luIjp7IiRyZWYiOiIxNDMifSwiUGFkZGluZyI6eyIkcmVmIjoiMTQ0In0sIkJhY2tncm91bmQiOnsiJGlkIjoiODM4IiwiQ29sb3IiOnsiJGlkIjoiODM5IiwiQSI6MTI3LCJSIjoxMzEsIkciOjEzMSwiQiI6MTMxfX0sIklzVmlzaWJsZSI6ZmFsc2UsIldpZHRoIjowLjAsIkhlaWdodCI6MC4wLCJCb3JkZXJTdHlsZSI6eyIkaWQiOiI4NDAiLCJMaW5lQ29sb3IiOnsiJGlkIjoiODQxIiwiJHR5cGUiOiJOTFJFLkNvbW1vbi5Eb20uU29saWRDb2xvckJydXNoLCBOTFJFLkNvbW1vbiIsIkNvbG9yIjp7IiRpZCI6Ijg0MiIsIkEiOjI1NSwiUiI6NDMsIkciOjQzLCJCIjo0M3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NDMiLCJNYXJnaW4iOnsiJHJlZiI6IjE1MyJ9LCJQYWRkaW5nIjp7IiRyZWYiOiIxNTQifSwiQmFja2dyb3VuZCI6eyIkaWQiOiI4NDQiLCJDb2xvciI6eyIkaWQiOiI4NDUiLCJBIjozOCwiUiI6MTMxLCJHIjoxMzEsIkIiOjEzMX19LCJJc1Zpc2libGUiOnRydWUsIldpZHRoIjowLjAsIkhlaWdodCI6MC4wLCJCb3JkZXJTdHlsZSI6eyIkaWQiOiI4NDYiLCJMaW5lQ29sb3IiOnsiJGlkIjoiODQ3IiwiJHR5cGUiOiJOTFJFLkNvbW1vbi5Eb20uU29saWRDb2xvckJydXNoLCBOTFJFLkNvbW1vbiIsIkNvbG9yIjp7IiRpZCI6Ijg0OCIsIkEiOjI1NSwiUiI6NDMsIkciOjQzLCJCIjo0M3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4NTYiLCJDb2xvciI6eyIkaWQiOiI4NTciLCJBIjo4OSwiUiI6MCwiRyI6MCwiQiI6MH19LCJJc1Zpc2libGUiOnRydWUsIldpZHRoIjowLjAsIkhlaWdodCI6MC4wLCJCb3JkZXJTdHlsZSI6eyIkaWQiOiI4NTgiLCJMaW5lQ29sb3IiOm51bGwsIkxpbmVXZWlnaHQiOjAuMCwiTGluZVR5cGUiOjAsIlBhcmVudFN0eWxlIjpudWxsfS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0MyIsIkxpbmVDb2xvciI6bnVsbCwiTGluZVdlaWdodCI6MC4wLCJMaW5lVHlwZSI6MCwiUGFyZW50U3R5bGUiOm51bGx9LCJQYXJlbnRTdHlsZSI6bnVsbH0sIkhvcml6b250YWxDb25uZWN0b3JTdHlsZSI6eyIkaWQiOiI5NDQiLCJMaW5lQ29sb3IiOnsiJHJlZiI6Ijk4In0sIkxpbmVXZWlnaHQiOjEuMCwiTGluZVR5cGUiOjAsIlBhcmVudFN0eWxlIjpudWxsfSwiVmVydGljYWxDb25uZWN0b3JTdHlsZSI6eyIkaWQiOiI5NDUiLCJMaW5lQ29sb3IiOnsiJHJlZiI6IjEwMS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k2MyIsIkNvbG9yIjp7IiRpZCI6Ijk2NCIsIkEiOjAsIlIiOjI1NSwiRyI6MjU1LCJCIjoyNTV9fSwiSXNWaXNpYmxlIjp0cnVlLCJXaWR0aCI6MC4wLCJIZWlnaHQiOjAuMCwiQm9yZGVyU3R5bGUiOnsiJGlkIjoiOTY1IiwiTGluZUNvbG9yIjpudWxsLCJMaW5lV2VpZ2h0IjowLjAsIkxpbmVUeXBlIjowLCJQYXJlbnRTdHlsZSI6bnVsbH0sIlBhcmVudFN0eWxlIjpudWxsfSwiRGF0ZUZvcm1hdCI6eyIkaWQiOiI5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OTc1IiwiTWFyZ2luIjp7IiRyZWYiOiIxNDMifSwiUGFkZGluZyI6eyIkcmVmIjoiMTQ0In0sIkJhY2tncm91bmQiOnsiJGlkIjoiOTc2IiwiQ29sb3IiOnsiJGlkIjoiOTc3IiwiQSI6MTI3LCJSIjoyNTQsIkciOjE5NSwiQiI6Nn19LCJJc1Zpc2libGUiOmZhbHNlLCJXaWR0aCI6MC4wLCJIZWlnaHQiOjAuMCwiQm9yZGVyU3R5bGUiOnsiJGlkIjoiOTc4IiwiTGluZUNvbG9yIjp7IiRpZCI6Ijk3OSIsIiR0eXBlIjoiTkxSRS5Db21tb24uRG9tLlNvbGlkQ29sb3JCcnVzaCwgTkxSRS5Db21tb24iLCJDb2xvciI6eyIkaWQiOiI5ODAiLCJBIjoyNTUsIlIiOjg3LCJHIjo2NiwiQiI6MH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5ODEiLCJNYXJnaW4iOnsiJHJlZiI6IjE1MyJ9LCJQYWRkaW5nIjp7IiRyZWYiOiIxNTQifSwiQmFja2dyb3VuZCI6eyIkaWQiOiI5ODIiLCJDb2xvciI6eyIkaWQiOiI5ODMiLCJBIjozOCwiUiI6MjU0LCJHIjoxOTUsIkIiOjZ9fSwiSXNWaXNpYmxlIjp0cnVlLCJXaWR0aCI6MC4wLCJIZWlnaHQiOjAuMCwiQm9yZGVyU3R5bGUiOnsiJGlkIjoiOTg0IiwiTGluZUNvbG9yIjp7IiRpZCI6Ijk4NSIsIiR0eXBlIjoiTkxSRS5Db21tb24uRG9tLlNvbGlkQ29sb3JCcnVzaCwgTkxSRS5Db21tb24iLCJDb2xvciI6eyIkaWQiOiI5ODYiLCJBIjoyNTUsIlIiOjg3LCJHIjo2NiwiQiI6MH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xMDE5IiwiQ29sb3IiOnsiJGlkIjoiMTAyMCIsIkEiOjAsIlIiOjI1NSwiRyI6MjU1LCJCIjoyNTV9fSwiSXNWaXNpYmxlIjp0cnVlLCJXaWR0aCI6MC4wLCJIZWlnaHQiOjAuMCwiQm9yZGVyU3R5bGUiOnsiJGlkIjoiMTAyMSIsIkxpbmVDb2xvciI6bnVsbCwiTGluZVdlaWdodCI6MC4wLCJMaW5lVHlwZSI6MCwiUGFyZW50U3R5bGUiOm51bGx9LCJQYXJlbnRTdHlsZSI6bnVsbH0sIkRh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EwNjIiLCJDb2xvciI6eyIkaWQiOiIxMDYzIiwiQSI6MCwiUiI6MjU1LCJHIjoyNTUsIkIiOjI1NX19LCJJc1Zpc2libGUiOnRydWUsIldpZHRoIjowLjAsIkhlaWdodCI6MC4wLCJCb3JkZXJTdHlsZSI6eyIkaWQiOiIxMDY0IiwiTGluZUNvbG9yIjpudWxsLCJMaW5lV2VpZ2h0IjowLjAsIkxpbmVUeXBlIjowLCJQYXJlbnRTdHlsZSI6bnVsbH0sIlBhcmVudFN0eWxlIjpudWxsfSwiRGF0ZV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xMDgwIiwiTWFyZ2luIjp7IiRyZWYiOiIxNDMifSwiUGFkZGluZyI6eyIkcmVmIjoiMTQ0In0sIkJhY2tncm91bmQiOnsiJGlkIjoiMTA4MSIsIkNvbG9yIjp7IiRpZCI6IjEwODIiLCJBIjoxMjcsIlIiOjIyMywiRyI6ODMsIkIiOjM5fX0sIklzVmlzaWJsZSI6ZmFsc2UsIldpZHRoIjowLjAsIkhlaWdodCI6MC4wLCJCb3JkZXJTdHlsZSI6eyIkaWQiOiIxMDgzIiwiTGluZUNvbG9yIjp7IiRpZCI6IjEwODQiLCIkdHlwZSI6Ik5MUkUuQ29tbW9uLkRvbS5Tb2xpZENvbG9yQnJ1c2gsIE5MUkUuQ29tbW9uIiwiQ29sb3IiOnsiJGlkIjoiMTA4NSIsIkEiOjI1NSwiUiI6NzUsIkciOjI4LCJCIjoxMn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MDg2IiwiTWFyZ2luIjp7IiRyZWYiOiIxNTMifSwiUGFkZGluZyI6eyIkcmVmIjoiMTU0In0sIkJhY2tncm91bmQiOnsiJGlkIjoiMTA4NyIsIkNvbG9yIjp7IiRpZCI6IjEwODgiLCJBIjozOCwiUiI6MjIzLCJHIjo4MywiQiI6Mzl9fSwiSXNWaXNpYmxlIjp0cnVlLCJXaWR0aCI6MC4wLCJIZWlnaHQiOjAuMCwiQm9yZGVyU3R5bGUiOnsiJGlkIjoiMTA4OSIsIkxpbmVDb2xvciI6eyIkaWQiOiIxMDkwIiwiJHR5cGUiOiJOTFJFLkNvbW1vbi5Eb20uU29saWRDb2xvckJydXNoLCBOTFJFLkNvbW1vbiIsIkNvbG9yIjp7IiRpZCI6IjEwOTEiLCJBIjoyNTUsIlIiOjc1LCJHIjoyOCwiQiI6MTJ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xMTg1IiwiTWFyZ2luIjp7IiRyZWYiOiIxNDMifSwiUGFkZGluZyI6eyIkcmVmIjoiMTQ0In0sIkJhY2tncm91bmQiOnsiJGlkIjoiMTE4NiIsIkNvbG9yIjp7IiRpZCI6IjExODciLCJBIjoxMjcsIlIiOjk0LCJHIjo5NCwiQiI6OTR9fSwiSXNWaXNpYmxlIjpmYWxzZSwiV2lkdGgiOjAuMCwiSGVpZ2h0IjowLjAsIkJvcmRlclN0eWxlIjp7IiRpZCI6IjExODgiLCJMaW5lQ29sb3IiOnsiJGlkIjoiMTE4OSIsIiR0eXBlIjoiTkxSRS5Db21tb24uRG9tLlNvbGlkQ29sb3JCcnVzaCwgTkxSRS5Db21tb24iLCJDb2xvciI6eyIkaWQiOiIxMTkwIiwiQSI6MjU1LCJSIjozMCwiRyI6MzAsIkIiOjMw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xOTEiLCJNYXJnaW4iOnsiJHJlZiI6IjE1MyJ9LCJQYWRkaW5nIjp7IiRyZWYiOiIxNTQifSwiQmFja2dyb3VuZCI6eyIkaWQiOiIxMTkyIiwiQ29sb3IiOnsiJGlkIjoiMTE5MyIsIkEiOjM4LCJSIjo5NCwiRyI6OTQsIkIiOjk0fX0sIklzVmlzaWJsZSI6dHJ1ZSwiV2lkdGgiOjAuMCwiSGVpZ2h0IjowLjAsIkJvcmRlclN0eWxlIjp7IiRpZCI6IjExOTQiLCJMaW5lQ29sb3IiOnsiJGlkIjoiMTE5NSIsIiR0eXBlIjoiTkxSRS5Db21tb24uRG9tLlNvbGlkQ29sb3JCcnVzaCwgTkxSRS5Db21tb24iLCJDb2xvciI6eyIkaWQiOiIxMTk2IiwiQSI6MjU1LCJSIjozMCwiRyI6MzAsIkIiOjMw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xMjA0IiwiQ29sb3IiOnsiJGlkIjoiMTIwNSIsIkEiOjg5LCJSIjowLCJHIjowLCJCIjowfX0sIklzVmlzaWJsZSI6dHJ1ZSwiV2lkdGgiOjAuMCwiSGVpZ2h0IjowLjAsIkJvcmRlclN0eWxlIjp7IiRpZCI6IjEyMDYiLCJMaW5lQ29sb3IiOm51bGwsIkxpbmVXZWlnaHQiOjAuMCwiTGluZVR5cGUiOjAsIlBhcmVudFN0eWxlIjpudWxsfSwiUGFyZW50U3R5bGUiOm51bGx9LCJEdXJhdGlvbl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M6XFxVc2Vyc1xcSktcXERvd25sb2Fkc1xcVGltZWxpbmUgRGF0YS54bHN4IiwiVGltZUNvbmZpZ3VyYXRpb24iOnsiJGlkIjoiMTI0NC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3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1</Words>
  <Application>Microsoft Office PowerPoint</Application>
  <PresentationFormat>Custom</PresentationFormat>
  <Paragraphs>7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 </vt:lpstr>
      <vt:lpstr>Office Theme</vt:lpstr>
      <vt:lpstr>2_Office Theme</vt:lpstr>
      <vt:lpstr>3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8-03T18:17:59Z</dcterms:created>
  <dcterms:modified xsi:type="dcterms:W3CDTF">2020-03-29T11:48:08Z</dcterms:modified>
</cp:coreProperties>
</file>